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7E90606" w14:textId="77777777" w:rsidR="006503FF" w:rsidRDefault="004F6F6D" w:rsidP="006503FF">
      <w:pPr>
        <w:spacing w:after="240"/>
        <w:jc w:val="both"/>
        <w:rPr>
          <w:b/>
        </w:rPr>
      </w:pPr>
      <w:r w:rsidRPr="006F08E3">
        <w:rPr>
          <w:b/>
          <w:noProof/>
        </w:rPr>
        <w:drawing>
          <wp:inline distT="0" distB="0" distL="0" distR="0" wp14:anchorId="3BA962C6" wp14:editId="6C3F2157">
            <wp:extent cx="768096" cy="731520"/>
            <wp:effectExtent l="0" t="0" r="0" b="0"/>
            <wp:docPr id="2" name="Picture 2" descr="NOAA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768096" cy="731520"/>
                    </a:xfrm>
                    <a:prstGeom prst="rect">
                      <a:avLst/>
                    </a:prstGeom>
                    <a:noFill/>
                  </pic:spPr>
                </pic:pic>
              </a:graphicData>
            </a:graphic>
          </wp:inline>
        </w:drawing>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sidRPr="006F08E3">
        <w:rPr>
          <w:b/>
          <w:noProof/>
        </w:rPr>
        <w:drawing>
          <wp:inline distT="0" distB="0" distL="0" distR="0" wp14:anchorId="4CEEF786" wp14:editId="069A9F55">
            <wp:extent cx="886968" cy="731520"/>
            <wp:effectExtent l="0" t="0" r="8890" b="0"/>
            <wp:docPr id="3" name="Picture 3" descr="Caltrans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886968" cy="731520"/>
                    </a:xfrm>
                    <a:prstGeom prst="rect">
                      <a:avLst/>
                    </a:prstGeom>
                    <a:noFill/>
                  </pic:spPr>
                </pic:pic>
              </a:graphicData>
            </a:graphic>
          </wp:inline>
        </w:drawing>
      </w:r>
    </w:p>
    <w:p w14:paraId="6198CDA6" w14:textId="77777777" w:rsidR="007A7D67" w:rsidRPr="006F08E3" w:rsidRDefault="00336A1A" w:rsidP="006503FF">
      <w:pPr>
        <w:spacing w:after="240"/>
        <w:contextualSpacing/>
        <w:jc w:val="center"/>
        <w:rPr>
          <w:b/>
        </w:rPr>
      </w:pPr>
      <w:r w:rsidRPr="006F08E3">
        <w:rPr>
          <w:b/>
        </w:rPr>
        <w:t>Biological Assessment Checklist</w:t>
      </w:r>
    </w:p>
    <w:p w14:paraId="3E163F5C" w14:textId="77777777" w:rsidR="00336A1A" w:rsidRPr="006F08E3" w:rsidRDefault="00336A1A" w:rsidP="006503FF">
      <w:pPr>
        <w:spacing w:after="240"/>
        <w:jc w:val="center"/>
        <w:rPr>
          <w:b/>
        </w:rPr>
      </w:pPr>
      <w:r w:rsidRPr="006F08E3">
        <w:rPr>
          <w:b/>
        </w:rPr>
        <w:t>Caltrans and NMFS Section 7 ESA Consultations</w:t>
      </w:r>
    </w:p>
    <w:p w14:paraId="76896F08" w14:textId="2E09C984" w:rsidR="00336A1A" w:rsidRPr="006F08E3" w:rsidRDefault="00E1269A" w:rsidP="006503FF">
      <w:pPr>
        <w:spacing w:after="240"/>
        <w:contextualSpacing/>
        <w:jc w:val="center"/>
        <w:rPr>
          <w:b/>
        </w:rPr>
      </w:pPr>
      <w:r>
        <w:rPr>
          <w:b/>
        </w:rPr>
        <w:t>February</w:t>
      </w:r>
      <w:r w:rsidR="00336A1A" w:rsidRPr="006F08E3">
        <w:rPr>
          <w:b/>
        </w:rPr>
        <w:t xml:space="preserve"> 2014</w:t>
      </w:r>
    </w:p>
    <w:p w14:paraId="1175721B" w14:textId="77777777" w:rsidR="00336A1A" w:rsidRPr="006F08E3" w:rsidRDefault="00336A1A" w:rsidP="006503FF">
      <w:pPr>
        <w:spacing w:after="240"/>
        <w:jc w:val="center"/>
        <w:rPr>
          <w:b/>
        </w:rPr>
      </w:pPr>
      <w:r w:rsidRPr="006F08E3">
        <w:rPr>
          <w:b/>
        </w:rPr>
        <w:t>(minor updates October 2020)</w:t>
      </w:r>
    </w:p>
    <w:p w14:paraId="529F730D" w14:textId="77777777" w:rsidR="003E3780" w:rsidRPr="009477BE" w:rsidRDefault="003E3780" w:rsidP="003E3780">
      <w:r w:rsidRPr="009477BE">
        <w:t xml:space="preserve">October 2020:  </w:t>
      </w:r>
      <w:r>
        <w:t>Minor e</w:t>
      </w:r>
      <w:r w:rsidRPr="0036634D">
        <w:t xml:space="preserve">dits were made to this </w:t>
      </w:r>
      <w:r>
        <w:t>checklist</w:t>
      </w:r>
      <w:r w:rsidRPr="0036634D">
        <w:t xml:space="preserve"> to meet Americans with Disabilities Act (ADA) standards</w:t>
      </w:r>
      <w:r>
        <w:t xml:space="preserve">.  </w:t>
      </w:r>
      <w:r w:rsidRPr="009477BE">
        <w:t>Please see the Caltrans</w:t>
      </w:r>
      <w:r>
        <w:rPr>
          <w:color w:val="FF0000"/>
        </w:rPr>
        <w:t xml:space="preserve"> </w:t>
      </w:r>
      <w:hyperlink r:id="rId9" w:tooltip="Caltrans Hydroacoustics web page" w:history="1">
        <w:proofErr w:type="spellStart"/>
        <w:r w:rsidRPr="00E1269A">
          <w:rPr>
            <w:rStyle w:val="Hyperlink"/>
          </w:rPr>
          <w:t>Hydroacoustics</w:t>
        </w:r>
        <w:proofErr w:type="spellEnd"/>
      </w:hyperlink>
      <w:r>
        <w:rPr>
          <w:color w:val="FF0000"/>
        </w:rPr>
        <w:t xml:space="preserve"> </w:t>
      </w:r>
      <w:r w:rsidRPr="009477BE">
        <w:t xml:space="preserve">web page and </w:t>
      </w:r>
      <w:hyperlink r:id="rId10" w:anchor="faqs" w:tooltip="Caltrans Biology Templates" w:history="1">
        <w:r>
          <w:rPr>
            <w:rStyle w:val="Hyperlink"/>
          </w:rPr>
          <w:t>Biological Assessment template</w:t>
        </w:r>
      </w:hyperlink>
      <w:r w:rsidRPr="00E1269A">
        <w:rPr>
          <w:color w:val="FF0000"/>
        </w:rPr>
        <w:t xml:space="preserve"> </w:t>
      </w:r>
      <w:r w:rsidRPr="009477BE">
        <w:t xml:space="preserve">for </w:t>
      </w:r>
      <w:r>
        <w:t xml:space="preserve">the most up to date </w:t>
      </w:r>
      <w:r w:rsidRPr="009477BE">
        <w:t>information.</w:t>
      </w:r>
    </w:p>
    <w:p w14:paraId="61A7345F" w14:textId="3A9B7407" w:rsidR="004F6F6D" w:rsidRPr="004F6F6D" w:rsidRDefault="00336A1A" w:rsidP="004F6F6D">
      <w:r w:rsidRPr="004F6F6D">
        <w:t>This checklis</w:t>
      </w:r>
      <w:r w:rsidR="004F6F6D" w:rsidRPr="004F6F6D">
        <w:t xml:space="preserve">t is intended to clarify and streamline coordination for Endangered Species Act (ESA) Section 7 and Magnuson-Stevens Fishery Conservation and Management Act </w:t>
      </w:r>
      <w:r w:rsidR="004F6F6D" w:rsidRPr="00F30BC3">
        <w:t>(MSA</w:t>
      </w:r>
      <w:r w:rsidR="004F6F6D" w:rsidRPr="004F6F6D">
        <w:t xml:space="preserve">) Essential Fish Habitat (EFH) consultations between NOAA’s National Marine Fisheries Service </w:t>
      </w:r>
      <w:r w:rsidR="000376F2">
        <w:t xml:space="preserve">(NMFS </w:t>
      </w:r>
      <w:r w:rsidR="000376F2" w:rsidRPr="009477BE">
        <w:t xml:space="preserve">or </w:t>
      </w:r>
      <w:r w:rsidR="004F6F6D" w:rsidRPr="009477BE">
        <w:t>NOAA Fisheries</w:t>
      </w:r>
      <w:r w:rsidR="004F6F6D" w:rsidRPr="004F6F6D">
        <w:t>) and the California Department of Transportation (Caltrans).  The purpose of this checklist is to identify important information and analysis needed to complete Section 7 and EFH consultations in a timely and efficient manner.</w:t>
      </w:r>
    </w:p>
    <w:p w14:paraId="6691140D" w14:textId="77777777" w:rsidR="00336A1A" w:rsidRDefault="00336A1A" w:rsidP="004F6F6D">
      <w:r w:rsidRPr="004F6F6D">
        <w:t xml:space="preserve">The information needs </w:t>
      </w:r>
      <w:r w:rsidR="004F6F6D" w:rsidRPr="004F6F6D">
        <w:t xml:space="preserve">included in this checklist are based on the six items that are described in </w:t>
      </w:r>
      <w:r w:rsidR="004F6F6D" w:rsidRPr="006503FF">
        <w:t>50 CFR §402.14</w:t>
      </w:r>
      <w:r w:rsidR="004F6F6D" w:rsidRPr="004F6F6D">
        <w:t xml:space="preserve"> to initiate ESA Section 7 consultation, but are also applicable to EFH consultations, as described in </w:t>
      </w:r>
      <w:r w:rsidR="004F6F6D" w:rsidRPr="00E460BF">
        <w:t>50 CFR §600.905-930.</w:t>
      </w:r>
      <w:r w:rsidR="004F6F6D" w:rsidRPr="004F6F6D">
        <w:t xml:space="preserve">  The checklist is for general project use as a guidance tool.  Some items may not be applicable to specific projects and/or additional items may be identified during the course of a consultation.</w:t>
      </w:r>
    </w:p>
    <w:p w14:paraId="31FB7009" w14:textId="77777777" w:rsidR="00336A1A" w:rsidRPr="007215AA" w:rsidRDefault="00336A1A" w:rsidP="00884CEA">
      <w:pPr>
        <w:pStyle w:val="Heading1"/>
      </w:pPr>
      <w:r w:rsidRPr="007215AA">
        <w:t>Background Steps Checklist</w:t>
      </w:r>
    </w:p>
    <w:p w14:paraId="1605E4E9" w14:textId="77777777" w:rsidR="00336A1A" w:rsidRPr="004F6F6D" w:rsidRDefault="00336A1A" w:rsidP="002B23E5">
      <w:pPr>
        <w:ind w:left="720" w:hanging="720"/>
        <w:contextualSpacing/>
      </w:pPr>
      <w:r w:rsidRPr="004F6F6D">
        <w:fldChar w:fldCharType="begin">
          <w:ffData>
            <w:name w:val="Check1"/>
            <w:enabled/>
            <w:calcOnExit w:val="0"/>
            <w:checkBox>
              <w:sizeAuto/>
              <w:default w:val="0"/>
            </w:checkBox>
          </w:ffData>
        </w:fldChar>
      </w:r>
      <w:bookmarkStart w:id="0" w:name="Check1"/>
      <w:r w:rsidRPr="004F6F6D">
        <w:instrText xml:space="preserve"> FORMCHECKBOX </w:instrText>
      </w:r>
      <w:r w:rsidR="00655F45">
        <w:fldChar w:fldCharType="separate"/>
      </w:r>
      <w:r w:rsidRPr="004F6F6D">
        <w:fldChar w:fldCharType="end"/>
      </w:r>
      <w:bookmarkEnd w:id="0"/>
      <w:r w:rsidR="002B23E5">
        <w:tab/>
      </w:r>
      <w:r w:rsidRPr="004F6F6D">
        <w:t xml:space="preserve">Title of Proposed Action:  </w:t>
      </w:r>
      <w:r w:rsidR="00F30BC3">
        <w:fldChar w:fldCharType="begin">
          <w:ffData>
            <w:name w:val="Text1"/>
            <w:enabled/>
            <w:calcOnExit w:val="0"/>
            <w:textInput>
              <w:default w:val="Click to enter text."/>
            </w:textInput>
          </w:ffData>
        </w:fldChar>
      </w:r>
      <w:bookmarkStart w:id="1" w:name="Text1"/>
      <w:r w:rsidR="00F30BC3">
        <w:instrText xml:space="preserve"> FORMTEXT </w:instrText>
      </w:r>
      <w:r w:rsidR="00F30BC3">
        <w:fldChar w:fldCharType="separate"/>
      </w:r>
      <w:r w:rsidR="00F30BC3">
        <w:rPr>
          <w:noProof/>
        </w:rPr>
        <w:t>Click to enter text.</w:t>
      </w:r>
      <w:r w:rsidR="00F30BC3">
        <w:fldChar w:fldCharType="end"/>
      </w:r>
      <w:bookmarkEnd w:id="1"/>
    </w:p>
    <w:p w14:paraId="7B2B77BD" w14:textId="77777777" w:rsidR="00336A1A" w:rsidRPr="004F6F6D" w:rsidRDefault="00336A1A" w:rsidP="002B23E5">
      <w:pPr>
        <w:ind w:left="720" w:hanging="720"/>
        <w:contextualSpacing/>
      </w:pPr>
      <w:r w:rsidRPr="004F6F6D">
        <w:fldChar w:fldCharType="begin">
          <w:ffData>
            <w:name w:val="Check2"/>
            <w:enabled/>
            <w:calcOnExit w:val="0"/>
            <w:checkBox>
              <w:sizeAuto/>
              <w:default w:val="0"/>
            </w:checkBox>
          </w:ffData>
        </w:fldChar>
      </w:r>
      <w:bookmarkStart w:id="2" w:name="Check2"/>
      <w:r w:rsidRPr="004F6F6D">
        <w:instrText xml:space="preserve"> FORMCHECKBOX </w:instrText>
      </w:r>
      <w:r w:rsidR="00655F45">
        <w:fldChar w:fldCharType="separate"/>
      </w:r>
      <w:r w:rsidRPr="004F6F6D">
        <w:fldChar w:fldCharType="end"/>
      </w:r>
      <w:bookmarkEnd w:id="2"/>
      <w:r w:rsidR="002B23E5">
        <w:tab/>
      </w:r>
      <w:r w:rsidRPr="004F6F6D">
        <w:t xml:space="preserve">Type of Proposed Action:  </w:t>
      </w:r>
      <w:r w:rsidR="00F30BC3">
        <w:fldChar w:fldCharType="begin">
          <w:ffData>
            <w:name w:val="Text2"/>
            <w:enabled/>
            <w:calcOnExit w:val="0"/>
            <w:textInput>
              <w:default w:val="Click to enter text."/>
            </w:textInput>
          </w:ffData>
        </w:fldChar>
      </w:r>
      <w:bookmarkStart w:id="3" w:name="Text2"/>
      <w:r w:rsidR="00F30BC3">
        <w:instrText xml:space="preserve"> FORMTEXT </w:instrText>
      </w:r>
      <w:r w:rsidR="00F30BC3">
        <w:fldChar w:fldCharType="separate"/>
      </w:r>
      <w:r w:rsidR="00F30BC3">
        <w:rPr>
          <w:noProof/>
        </w:rPr>
        <w:t>Click to enter text.</w:t>
      </w:r>
      <w:r w:rsidR="00F30BC3">
        <w:fldChar w:fldCharType="end"/>
      </w:r>
      <w:bookmarkEnd w:id="3"/>
    </w:p>
    <w:p w14:paraId="4D9D773C" w14:textId="77777777" w:rsidR="00336A1A" w:rsidRPr="002B23E5" w:rsidRDefault="00336A1A" w:rsidP="002B23E5">
      <w:pPr>
        <w:pStyle w:val="Normalbullettext"/>
      </w:pPr>
      <w:r w:rsidRPr="002B23E5">
        <w:t>(e.g. funding, carrying out, or authorizing bridge replacement, seismic retrofit, culvert replacement, placement of rock slope protection, road realignment, or other types of projects)</w:t>
      </w:r>
    </w:p>
    <w:p w14:paraId="2CF41017" w14:textId="460B5D19" w:rsidR="00336A1A" w:rsidRPr="004F6F6D" w:rsidRDefault="00336A1A" w:rsidP="002B23E5">
      <w:pPr>
        <w:ind w:left="720" w:hanging="720"/>
        <w:contextualSpacing/>
      </w:pPr>
      <w:r w:rsidRPr="004F6F6D">
        <w:fldChar w:fldCharType="begin">
          <w:ffData>
            <w:name w:val="Check3"/>
            <w:enabled/>
            <w:calcOnExit w:val="0"/>
            <w:checkBox>
              <w:sizeAuto/>
              <w:default w:val="0"/>
            </w:checkBox>
          </w:ffData>
        </w:fldChar>
      </w:r>
      <w:bookmarkStart w:id="4" w:name="Check3"/>
      <w:r w:rsidRPr="004F6F6D">
        <w:instrText xml:space="preserve"> FORMCHECKBOX </w:instrText>
      </w:r>
      <w:r w:rsidR="00655F45">
        <w:fldChar w:fldCharType="separate"/>
      </w:r>
      <w:r w:rsidRPr="004F6F6D">
        <w:fldChar w:fldCharType="end"/>
      </w:r>
      <w:bookmarkEnd w:id="4"/>
      <w:r w:rsidR="002B23E5">
        <w:tab/>
      </w:r>
      <w:r w:rsidRPr="004F6F6D">
        <w:t xml:space="preserve">Request species </w:t>
      </w:r>
      <w:r w:rsidRPr="00E1269A">
        <w:t>list</w:t>
      </w:r>
      <w:r w:rsidR="00E1269A" w:rsidRPr="00E1269A">
        <w:t xml:space="preserve"> from NMFS</w:t>
      </w:r>
      <w:r w:rsidRPr="00E1269A">
        <w:t>:</w:t>
      </w:r>
    </w:p>
    <w:p w14:paraId="2A1A0D49" w14:textId="5213A1E3" w:rsidR="006F08E3" w:rsidRDefault="00655F45" w:rsidP="002B23E5">
      <w:pPr>
        <w:pStyle w:val="Normalbullettext"/>
      </w:pPr>
      <w:hyperlink r:id="rId11" w:tooltip="NMFS California Species List Tools" w:history="1">
        <w:r w:rsidR="006F08E3" w:rsidRPr="006F08E3">
          <w:rPr>
            <w:rStyle w:val="Hyperlink"/>
          </w:rPr>
          <w:t xml:space="preserve">California Species List </w:t>
        </w:r>
        <w:r w:rsidR="006F08E3" w:rsidRPr="006F08E3">
          <w:rPr>
            <w:rStyle w:val="Hyperlink"/>
          </w:rPr>
          <w:t>T</w:t>
        </w:r>
        <w:r w:rsidR="006F08E3" w:rsidRPr="006F08E3">
          <w:rPr>
            <w:rStyle w:val="Hyperlink"/>
          </w:rPr>
          <w:t>ools</w:t>
        </w:r>
      </w:hyperlink>
      <w:r w:rsidR="00F30BC3" w:rsidRPr="00F30BC3">
        <w:rPr>
          <w:rStyle w:val="Hyperlink"/>
          <w:color w:val="auto"/>
          <w:u w:val="none"/>
        </w:rPr>
        <w:t>:</w:t>
      </w:r>
      <w:r w:rsidR="00F30BC3">
        <w:rPr>
          <w:rStyle w:val="Hyperlink"/>
          <w:u w:val="none"/>
        </w:rPr>
        <w:t xml:space="preserve">  </w:t>
      </w:r>
      <w:r w:rsidR="00F30BC3" w:rsidRPr="00F30BC3">
        <w:rPr>
          <w:rStyle w:val="Hyperlink"/>
          <w:color w:val="auto"/>
          <w:u w:val="none"/>
        </w:rPr>
        <w:fldChar w:fldCharType="begin">
          <w:ffData>
            <w:name w:val="Text5"/>
            <w:enabled/>
            <w:calcOnExit w:val="0"/>
            <w:textInput>
              <w:default w:val="Click to enter date."/>
            </w:textInput>
          </w:ffData>
        </w:fldChar>
      </w:r>
      <w:bookmarkStart w:id="5" w:name="Text5"/>
      <w:r w:rsidR="00F30BC3" w:rsidRPr="00F30BC3">
        <w:rPr>
          <w:rStyle w:val="Hyperlink"/>
          <w:color w:val="auto"/>
          <w:u w:val="none"/>
        </w:rPr>
        <w:instrText xml:space="preserve"> FORMTEXT </w:instrText>
      </w:r>
      <w:r w:rsidR="00F30BC3" w:rsidRPr="00F30BC3">
        <w:rPr>
          <w:rStyle w:val="Hyperlink"/>
          <w:color w:val="auto"/>
          <w:u w:val="none"/>
        </w:rPr>
      </w:r>
      <w:r w:rsidR="00F30BC3" w:rsidRPr="00F30BC3">
        <w:rPr>
          <w:rStyle w:val="Hyperlink"/>
          <w:color w:val="auto"/>
          <w:u w:val="none"/>
        </w:rPr>
        <w:fldChar w:fldCharType="separate"/>
      </w:r>
      <w:r w:rsidR="00F30BC3" w:rsidRPr="00F30BC3">
        <w:rPr>
          <w:rStyle w:val="Hyperlink"/>
          <w:noProof/>
          <w:color w:val="auto"/>
          <w:u w:val="none"/>
        </w:rPr>
        <w:t>Click to enter date.</w:t>
      </w:r>
      <w:r w:rsidR="00F30BC3" w:rsidRPr="00F30BC3">
        <w:rPr>
          <w:rStyle w:val="Hyperlink"/>
          <w:color w:val="auto"/>
          <w:u w:val="none"/>
        </w:rPr>
        <w:fldChar w:fldCharType="end"/>
      </w:r>
      <w:bookmarkEnd w:id="5"/>
    </w:p>
    <w:p w14:paraId="75B749E3" w14:textId="04A1861F" w:rsidR="00336A1A" w:rsidRDefault="00336A1A" w:rsidP="002B23E5">
      <w:pPr>
        <w:ind w:left="720" w:hanging="720"/>
        <w:contextualSpacing/>
      </w:pPr>
      <w:r w:rsidRPr="004F6F6D">
        <w:fldChar w:fldCharType="begin">
          <w:ffData>
            <w:name w:val="Check4"/>
            <w:enabled/>
            <w:calcOnExit w:val="0"/>
            <w:checkBox>
              <w:sizeAuto/>
              <w:default w:val="0"/>
            </w:checkBox>
          </w:ffData>
        </w:fldChar>
      </w:r>
      <w:bookmarkStart w:id="6" w:name="Check4"/>
      <w:r w:rsidRPr="004F6F6D">
        <w:instrText xml:space="preserve"> FORMCHECKBOX </w:instrText>
      </w:r>
      <w:r w:rsidR="00655F45">
        <w:fldChar w:fldCharType="separate"/>
      </w:r>
      <w:r w:rsidRPr="004F6F6D">
        <w:fldChar w:fldCharType="end"/>
      </w:r>
      <w:bookmarkEnd w:id="6"/>
      <w:r w:rsidR="002B23E5">
        <w:tab/>
      </w:r>
      <w:r w:rsidRPr="004F6F6D">
        <w:t xml:space="preserve">Request NMFS to engage in </w:t>
      </w:r>
      <w:r w:rsidR="00B44E5B">
        <w:t>technical assistance/early informal consultation</w:t>
      </w:r>
      <w:r w:rsidRPr="004F6F6D">
        <w:t xml:space="preserve"> through pre-consultation meetings, site visits, and/or reviewing draft ESA documents such as the biological assessment (BA).</w:t>
      </w:r>
    </w:p>
    <w:p w14:paraId="5D7D7267" w14:textId="37426177" w:rsidR="0058668D" w:rsidRPr="004F6F6D" w:rsidRDefault="0058668D" w:rsidP="0058668D">
      <w:pPr>
        <w:ind w:left="720" w:hanging="720"/>
        <w:contextualSpacing/>
      </w:pPr>
      <w:r>
        <w:lastRenderedPageBreak/>
        <w:fldChar w:fldCharType="begin">
          <w:ffData>
            <w:name w:val="Check122"/>
            <w:enabled/>
            <w:calcOnExit w:val="0"/>
            <w:checkBox>
              <w:sizeAuto/>
              <w:default w:val="0"/>
            </w:checkBox>
          </w:ffData>
        </w:fldChar>
      </w:r>
      <w:bookmarkStart w:id="7" w:name="Check122"/>
      <w:r>
        <w:instrText xml:space="preserve"> FORMCHECKBOX </w:instrText>
      </w:r>
      <w:r w:rsidR="00655F45">
        <w:fldChar w:fldCharType="separate"/>
      </w:r>
      <w:r>
        <w:fldChar w:fldCharType="end"/>
      </w:r>
      <w:bookmarkEnd w:id="7"/>
      <w:r>
        <w:tab/>
        <w:t>Prepare cover letter with project name, project location (city, county), brief project summary (2-3 sentences), request for consultation (formal or informal), and effects determinations (a table works well for this).</w:t>
      </w:r>
    </w:p>
    <w:p w14:paraId="139A803B" w14:textId="44B81B3A" w:rsidR="00336A1A" w:rsidRPr="004F6F6D" w:rsidRDefault="00336A1A" w:rsidP="002B23E5">
      <w:pPr>
        <w:ind w:left="720" w:hanging="720"/>
        <w:contextualSpacing/>
      </w:pPr>
      <w:r w:rsidRPr="004F6F6D">
        <w:fldChar w:fldCharType="begin">
          <w:ffData>
            <w:name w:val="Check5"/>
            <w:enabled/>
            <w:calcOnExit w:val="0"/>
            <w:checkBox>
              <w:sizeAuto/>
              <w:default w:val="0"/>
            </w:checkBox>
          </w:ffData>
        </w:fldChar>
      </w:r>
      <w:bookmarkStart w:id="8" w:name="Check5"/>
      <w:r w:rsidRPr="004F6F6D">
        <w:instrText xml:space="preserve"> FORMCHECKBOX </w:instrText>
      </w:r>
      <w:r w:rsidR="00655F45">
        <w:fldChar w:fldCharType="separate"/>
      </w:r>
      <w:r w:rsidRPr="004F6F6D">
        <w:fldChar w:fldCharType="end"/>
      </w:r>
      <w:bookmarkEnd w:id="8"/>
      <w:r w:rsidR="002B23E5">
        <w:tab/>
      </w:r>
      <w:r w:rsidRPr="004F6F6D">
        <w:t>Request ESA and/or EFH consulta</w:t>
      </w:r>
      <w:r w:rsidR="00263C15">
        <w:t>tion</w:t>
      </w:r>
      <w:r w:rsidRPr="004F6F6D">
        <w:t>, as applicable, upon completion of final BA.</w:t>
      </w:r>
    </w:p>
    <w:p w14:paraId="2936072A" w14:textId="77777777" w:rsidR="00336A1A" w:rsidRPr="004F6F6D" w:rsidRDefault="00336A1A" w:rsidP="002B23E5">
      <w:pPr>
        <w:pStyle w:val="Normalbullettext"/>
      </w:pPr>
      <w:r w:rsidRPr="004F6F6D">
        <w:t xml:space="preserve">Request Date:  </w:t>
      </w:r>
      <w:r w:rsidR="00F30BC3">
        <w:fldChar w:fldCharType="begin">
          <w:ffData>
            <w:name w:val="Text3"/>
            <w:enabled/>
            <w:calcOnExit w:val="0"/>
            <w:textInput>
              <w:default w:val="Click to enter date."/>
            </w:textInput>
          </w:ffData>
        </w:fldChar>
      </w:r>
      <w:bookmarkStart w:id="9" w:name="Text3"/>
      <w:r w:rsidR="00F30BC3">
        <w:instrText xml:space="preserve"> FORMTEXT </w:instrText>
      </w:r>
      <w:r w:rsidR="00F30BC3">
        <w:fldChar w:fldCharType="separate"/>
      </w:r>
      <w:r w:rsidR="00F30BC3">
        <w:rPr>
          <w:noProof/>
        </w:rPr>
        <w:t>Click to enter date.</w:t>
      </w:r>
      <w:r w:rsidR="00F30BC3">
        <w:fldChar w:fldCharType="end"/>
      </w:r>
      <w:bookmarkEnd w:id="9"/>
    </w:p>
    <w:p w14:paraId="18BDA4C9" w14:textId="3192D3F1" w:rsidR="00336A1A" w:rsidRDefault="00336A1A" w:rsidP="002B23E5">
      <w:pPr>
        <w:pStyle w:val="Normalbullettext"/>
      </w:pPr>
      <w:r w:rsidRPr="004F6F6D">
        <w:t xml:space="preserve">Needed by Date:  </w:t>
      </w:r>
      <w:r w:rsidR="00F30BC3">
        <w:fldChar w:fldCharType="begin">
          <w:ffData>
            <w:name w:val="Text4"/>
            <w:enabled/>
            <w:calcOnExit w:val="0"/>
            <w:textInput>
              <w:default w:val="Click to enter date."/>
            </w:textInput>
          </w:ffData>
        </w:fldChar>
      </w:r>
      <w:bookmarkStart w:id="10" w:name="Text4"/>
      <w:r w:rsidR="00F30BC3">
        <w:instrText xml:space="preserve"> FORMTEXT </w:instrText>
      </w:r>
      <w:r w:rsidR="00F30BC3">
        <w:fldChar w:fldCharType="separate"/>
      </w:r>
      <w:r w:rsidR="00F30BC3">
        <w:rPr>
          <w:noProof/>
        </w:rPr>
        <w:t>Click to enter date.</w:t>
      </w:r>
      <w:r w:rsidR="00F30BC3">
        <w:fldChar w:fldCharType="end"/>
      </w:r>
      <w:bookmarkEnd w:id="10"/>
    </w:p>
    <w:p w14:paraId="68D987AF" w14:textId="1AA14124" w:rsidR="00B44E5B" w:rsidRPr="004F6F6D" w:rsidRDefault="00B44E5B" w:rsidP="002B23E5">
      <w:pPr>
        <w:pStyle w:val="Normalbullettext"/>
      </w:pPr>
      <w:r>
        <w:t xml:space="preserve">Response Date:  </w:t>
      </w:r>
      <w:r>
        <w:fldChar w:fldCharType="begin">
          <w:ffData>
            <w:name w:val="Text6"/>
            <w:enabled/>
            <w:calcOnExit w:val="0"/>
            <w:textInput>
              <w:default w:val="Click to enter date"/>
            </w:textInput>
          </w:ffData>
        </w:fldChar>
      </w:r>
      <w:bookmarkStart w:id="11" w:name="Text6"/>
      <w:r>
        <w:instrText xml:space="preserve"> FORMTEXT </w:instrText>
      </w:r>
      <w:r>
        <w:fldChar w:fldCharType="separate"/>
      </w:r>
      <w:r>
        <w:rPr>
          <w:noProof/>
        </w:rPr>
        <w:t>Click to enter date</w:t>
      </w:r>
      <w:r>
        <w:fldChar w:fldCharType="end"/>
      </w:r>
      <w:bookmarkEnd w:id="11"/>
    </w:p>
    <w:p w14:paraId="3E677448" w14:textId="77777777" w:rsidR="00336A1A" w:rsidRPr="004F6F6D" w:rsidRDefault="00336A1A" w:rsidP="002B23E5">
      <w:pPr>
        <w:ind w:left="720" w:hanging="720"/>
        <w:contextualSpacing/>
      </w:pPr>
      <w:r w:rsidRPr="004F6F6D">
        <w:fldChar w:fldCharType="begin">
          <w:ffData>
            <w:name w:val="Check6"/>
            <w:enabled/>
            <w:calcOnExit w:val="0"/>
            <w:checkBox>
              <w:sizeAuto/>
              <w:default w:val="0"/>
            </w:checkBox>
          </w:ffData>
        </w:fldChar>
      </w:r>
      <w:bookmarkStart w:id="12" w:name="Check6"/>
      <w:r w:rsidRPr="004F6F6D">
        <w:instrText xml:space="preserve"> FORMCHECKBOX </w:instrText>
      </w:r>
      <w:r w:rsidR="00655F45">
        <w:fldChar w:fldCharType="separate"/>
      </w:r>
      <w:r w:rsidRPr="004F6F6D">
        <w:fldChar w:fldCharType="end"/>
      </w:r>
      <w:bookmarkEnd w:id="12"/>
      <w:r w:rsidR="002B23E5">
        <w:tab/>
      </w:r>
      <w:r w:rsidRPr="004F6F6D">
        <w:t>Utilize relevant planning reports and guidelines:</w:t>
      </w:r>
    </w:p>
    <w:p w14:paraId="21E4D004" w14:textId="69ABFE79" w:rsidR="00336A1A" w:rsidRPr="004F6F6D" w:rsidRDefault="00655F45" w:rsidP="002B23E5">
      <w:pPr>
        <w:pStyle w:val="Normalbullettext"/>
      </w:pPr>
      <w:hyperlink r:id="rId12" w:tooltip="Section 7 Endangered Species Act Handbook" w:history="1">
        <w:r w:rsidR="004F6F6D" w:rsidRPr="004F6F6D">
          <w:rPr>
            <w:rStyle w:val="Hyperlink"/>
          </w:rPr>
          <w:t>Endangered Species Consultation Handbook:  Procedures for Conducting Consultation and Conference Activities Under Section 7 of the Endangered Species Act.</w:t>
        </w:r>
      </w:hyperlink>
      <w:r w:rsidR="004F6F6D" w:rsidRPr="004F6F6D">
        <w:t xml:space="preserve"> </w:t>
      </w:r>
      <w:r w:rsidR="006F08E3">
        <w:t xml:space="preserve"> </w:t>
      </w:r>
      <w:r w:rsidR="004F6F6D" w:rsidRPr="004F6F6D">
        <w:t>March 1998.</w:t>
      </w:r>
    </w:p>
    <w:p w14:paraId="620CE578" w14:textId="6A744621" w:rsidR="00336A1A" w:rsidRPr="004F6F6D" w:rsidRDefault="00655F45" w:rsidP="002B23E5">
      <w:pPr>
        <w:pStyle w:val="Normalbullettext"/>
      </w:pPr>
      <w:hyperlink r:id="rId13" w:tooltip="Framework for Conducting Jeopardy Analyses under Section 7" w:history="1">
        <w:r w:rsidR="004F6F6D" w:rsidRPr="004F6F6D">
          <w:rPr>
            <w:rStyle w:val="Hyperlink"/>
          </w:rPr>
          <w:t>An Assessment Framework for Conducting Jeopardy Analyses under Section 7 of the Endangered Species Act</w:t>
        </w:r>
      </w:hyperlink>
      <w:r w:rsidR="004F6F6D" w:rsidRPr="004F6F6D">
        <w:t>.  Modified June 6, 2004.</w:t>
      </w:r>
    </w:p>
    <w:p w14:paraId="23CC1964" w14:textId="2B945FDA" w:rsidR="00336A1A" w:rsidRDefault="00655F45" w:rsidP="002B23E5">
      <w:pPr>
        <w:pStyle w:val="Normalbullettext"/>
      </w:pPr>
      <w:hyperlink r:id="rId14" w:tooltip="Essential Fish Habitat Consultation Guidance" w:history="1">
        <w:r w:rsidR="004F6F6D" w:rsidRPr="004F6F6D">
          <w:rPr>
            <w:rStyle w:val="Hyperlink"/>
          </w:rPr>
          <w:t>Essential Fish Habitat Consultation Guidance, Version 1.1.</w:t>
        </w:r>
      </w:hyperlink>
      <w:r w:rsidR="004F6F6D" w:rsidRPr="004F6F6D">
        <w:t xml:space="preserve">  April 2004.</w:t>
      </w:r>
    </w:p>
    <w:p w14:paraId="67F6E146" w14:textId="374CB9C0" w:rsidR="007215AA" w:rsidRDefault="007215AA" w:rsidP="00884CEA">
      <w:pPr>
        <w:pStyle w:val="Heading1"/>
      </w:pPr>
      <w:r w:rsidRPr="00884CEA">
        <w:t>BA Outline and Checklist</w:t>
      </w:r>
    </w:p>
    <w:p w14:paraId="7FAFB7BF" w14:textId="655AF94D" w:rsidR="00B44E5B" w:rsidRPr="006E5DDF" w:rsidRDefault="00B44E5B" w:rsidP="00B44E5B">
      <w:pPr>
        <w:ind w:left="720" w:hanging="720"/>
      </w:pPr>
      <w:r>
        <w:fldChar w:fldCharType="begin">
          <w:ffData>
            <w:name w:val="Check121"/>
            <w:enabled/>
            <w:calcOnExit w:val="0"/>
            <w:checkBox>
              <w:sizeAuto/>
              <w:default w:val="0"/>
            </w:checkBox>
          </w:ffData>
        </w:fldChar>
      </w:r>
      <w:bookmarkStart w:id="13" w:name="Check121"/>
      <w:r>
        <w:instrText xml:space="preserve"> FORMCHECKBOX </w:instrText>
      </w:r>
      <w:r w:rsidR="00655F45">
        <w:fldChar w:fldCharType="separate"/>
      </w:r>
      <w:r>
        <w:fldChar w:fldCharType="end"/>
      </w:r>
      <w:bookmarkEnd w:id="13"/>
      <w:r>
        <w:tab/>
        <w:t>Executive Summary:  findings, including may affect and no effect determinations for all species and designated critical habitat listed on NMFS species list.</w:t>
      </w:r>
    </w:p>
    <w:p w14:paraId="052D335E" w14:textId="77777777" w:rsidR="007215AA" w:rsidRPr="002B23E5" w:rsidRDefault="007215AA" w:rsidP="003E3780">
      <w:pPr>
        <w:pStyle w:val="Heading2"/>
        <w:spacing w:before="360"/>
      </w:pPr>
      <w:r w:rsidRPr="002B23E5">
        <w:t>Introduction</w:t>
      </w:r>
    </w:p>
    <w:p w14:paraId="32185712" w14:textId="77777777" w:rsidR="007215AA" w:rsidRDefault="007215AA" w:rsidP="002B23E5">
      <w:pPr>
        <w:tabs>
          <w:tab w:val="left" w:pos="720"/>
        </w:tabs>
        <w:contextualSpacing/>
      </w:pPr>
      <w:r>
        <w:fldChar w:fldCharType="begin">
          <w:ffData>
            <w:name w:val="Check7"/>
            <w:enabled/>
            <w:calcOnExit w:val="0"/>
            <w:checkBox>
              <w:sizeAuto/>
              <w:default w:val="0"/>
            </w:checkBox>
          </w:ffData>
        </w:fldChar>
      </w:r>
      <w:bookmarkStart w:id="14" w:name="Check7"/>
      <w:r>
        <w:instrText xml:space="preserve"> FORMCHECKBOX </w:instrText>
      </w:r>
      <w:r w:rsidR="00655F45">
        <w:fldChar w:fldCharType="separate"/>
      </w:r>
      <w:r>
        <w:fldChar w:fldCharType="end"/>
      </w:r>
      <w:bookmarkEnd w:id="14"/>
      <w:r w:rsidR="006503FF">
        <w:tab/>
      </w:r>
      <w:r>
        <w:t>Purpose and need of the proposed action.</w:t>
      </w:r>
    </w:p>
    <w:p w14:paraId="6AD110AC" w14:textId="77777777" w:rsidR="007215AA" w:rsidRDefault="007215AA" w:rsidP="002B23E5">
      <w:pPr>
        <w:tabs>
          <w:tab w:val="left" w:pos="720"/>
        </w:tabs>
        <w:contextualSpacing/>
      </w:pPr>
      <w:r>
        <w:fldChar w:fldCharType="begin">
          <w:ffData>
            <w:name w:val="Check8"/>
            <w:enabled/>
            <w:calcOnExit w:val="0"/>
            <w:checkBox>
              <w:sizeAuto/>
              <w:default w:val="0"/>
            </w:checkBox>
          </w:ffData>
        </w:fldChar>
      </w:r>
      <w:bookmarkStart w:id="15" w:name="Check8"/>
      <w:r>
        <w:instrText xml:space="preserve"> FORMCHECKBOX </w:instrText>
      </w:r>
      <w:r w:rsidR="00655F45">
        <w:fldChar w:fldCharType="separate"/>
      </w:r>
      <w:r>
        <w:fldChar w:fldCharType="end"/>
      </w:r>
      <w:bookmarkEnd w:id="15"/>
      <w:r w:rsidR="006503FF">
        <w:tab/>
      </w:r>
      <w:r>
        <w:t>General location of the proposed action.</w:t>
      </w:r>
    </w:p>
    <w:p w14:paraId="71798D18" w14:textId="77777777" w:rsidR="007215AA" w:rsidRDefault="007215AA" w:rsidP="002B23E5">
      <w:pPr>
        <w:tabs>
          <w:tab w:val="left" w:pos="720"/>
        </w:tabs>
        <w:contextualSpacing/>
      </w:pPr>
      <w:r>
        <w:fldChar w:fldCharType="begin">
          <w:ffData>
            <w:name w:val="Check9"/>
            <w:enabled/>
            <w:calcOnExit w:val="0"/>
            <w:checkBox>
              <w:sizeAuto/>
              <w:default w:val="0"/>
            </w:checkBox>
          </w:ffData>
        </w:fldChar>
      </w:r>
      <w:bookmarkStart w:id="16" w:name="Check9"/>
      <w:r>
        <w:instrText xml:space="preserve"> FORMCHECKBOX </w:instrText>
      </w:r>
      <w:r w:rsidR="00655F45">
        <w:fldChar w:fldCharType="separate"/>
      </w:r>
      <w:r>
        <w:fldChar w:fldCharType="end"/>
      </w:r>
      <w:bookmarkEnd w:id="16"/>
      <w:r w:rsidR="006503FF">
        <w:tab/>
      </w:r>
      <w:r>
        <w:t>Brief summary of the proposed action.</w:t>
      </w:r>
    </w:p>
    <w:p w14:paraId="5F26C03D" w14:textId="77777777" w:rsidR="007215AA" w:rsidRDefault="007215AA" w:rsidP="002B23E5">
      <w:pPr>
        <w:tabs>
          <w:tab w:val="left" w:pos="720"/>
        </w:tabs>
        <w:contextualSpacing/>
      </w:pPr>
      <w:r>
        <w:fldChar w:fldCharType="begin">
          <w:ffData>
            <w:name w:val="Check10"/>
            <w:enabled/>
            <w:calcOnExit w:val="0"/>
            <w:checkBox>
              <w:sizeAuto/>
              <w:default w:val="0"/>
            </w:checkBox>
          </w:ffData>
        </w:fldChar>
      </w:r>
      <w:bookmarkStart w:id="17" w:name="Check10"/>
      <w:r>
        <w:instrText xml:space="preserve"> FORMCHECKBOX </w:instrText>
      </w:r>
      <w:r w:rsidR="00655F45">
        <w:fldChar w:fldCharType="separate"/>
      </w:r>
      <w:r>
        <w:fldChar w:fldCharType="end"/>
      </w:r>
      <w:bookmarkEnd w:id="17"/>
      <w:r w:rsidR="006503FF">
        <w:tab/>
      </w:r>
      <w:r>
        <w:t>Documents provided to NMFS that are related to the proposed action.</w:t>
      </w:r>
    </w:p>
    <w:p w14:paraId="6CA9BB00" w14:textId="77777777" w:rsidR="007215AA" w:rsidRDefault="007215AA" w:rsidP="002B23E5">
      <w:pPr>
        <w:tabs>
          <w:tab w:val="left" w:pos="720"/>
        </w:tabs>
        <w:contextualSpacing/>
      </w:pPr>
      <w:r>
        <w:fldChar w:fldCharType="begin">
          <w:ffData>
            <w:name w:val="Check11"/>
            <w:enabled/>
            <w:calcOnExit w:val="0"/>
            <w:checkBox>
              <w:sizeAuto/>
              <w:default w:val="0"/>
            </w:checkBox>
          </w:ffData>
        </w:fldChar>
      </w:r>
      <w:bookmarkStart w:id="18" w:name="Check11"/>
      <w:r>
        <w:instrText xml:space="preserve"> FORMCHECKBOX </w:instrText>
      </w:r>
      <w:r w:rsidR="00655F45">
        <w:fldChar w:fldCharType="separate"/>
      </w:r>
      <w:r>
        <w:fldChar w:fldCharType="end"/>
      </w:r>
      <w:bookmarkEnd w:id="18"/>
      <w:r w:rsidR="006503FF">
        <w:tab/>
      </w:r>
      <w:r>
        <w:t>Description of any biological or habitat studies conducted for the project.</w:t>
      </w:r>
    </w:p>
    <w:p w14:paraId="4677DCD8" w14:textId="77777777" w:rsidR="007215AA" w:rsidRPr="007215AA" w:rsidRDefault="007215AA" w:rsidP="002B23E5">
      <w:pPr>
        <w:tabs>
          <w:tab w:val="left" w:pos="720"/>
        </w:tabs>
        <w:contextualSpacing/>
      </w:pPr>
      <w:r>
        <w:fldChar w:fldCharType="begin">
          <w:ffData>
            <w:name w:val="Check12"/>
            <w:enabled/>
            <w:calcOnExit w:val="0"/>
            <w:checkBox>
              <w:sizeAuto/>
              <w:default w:val="0"/>
            </w:checkBox>
          </w:ffData>
        </w:fldChar>
      </w:r>
      <w:bookmarkStart w:id="19" w:name="Check12"/>
      <w:r>
        <w:instrText xml:space="preserve"> FORMCHECKBOX </w:instrText>
      </w:r>
      <w:r w:rsidR="00655F45">
        <w:fldChar w:fldCharType="separate"/>
      </w:r>
      <w:r>
        <w:fldChar w:fldCharType="end"/>
      </w:r>
      <w:bookmarkEnd w:id="19"/>
      <w:r w:rsidR="006503FF">
        <w:tab/>
      </w:r>
      <w:r>
        <w:t>Other pertinent history.</w:t>
      </w:r>
    </w:p>
    <w:p w14:paraId="7F602F65" w14:textId="77777777" w:rsidR="007215AA" w:rsidRDefault="007215AA" w:rsidP="002B23E5">
      <w:pPr>
        <w:pStyle w:val="Heading2"/>
      </w:pPr>
      <w:r>
        <w:t>Consultation History</w:t>
      </w:r>
    </w:p>
    <w:p w14:paraId="2807293C" w14:textId="4C668532" w:rsidR="007215AA" w:rsidRPr="007215AA" w:rsidRDefault="007215AA" w:rsidP="002B23E5">
      <w:pPr>
        <w:tabs>
          <w:tab w:val="left" w:pos="540"/>
        </w:tabs>
        <w:ind w:left="720" w:hanging="720"/>
        <w:contextualSpacing/>
      </w:pPr>
      <w:r>
        <w:fldChar w:fldCharType="begin">
          <w:ffData>
            <w:name w:val="Check13"/>
            <w:enabled/>
            <w:calcOnExit w:val="0"/>
            <w:checkBox>
              <w:sizeAuto/>
              <w:default w:val="0"/>
            </w:checkBox>
          </w:ffData>
        </w:fldChar>
      </w:r>
      <w:bookmarkStart w:id="20" w:name="Check13"/>
      <w:r>
        <w:instrText xml:space="preserve"> FORMCHECKBOX </w:instrText>
      </w:r>
      <w:r w:rsidR="00655F45">
        <w:fldChar w:fldCharType="separate"/>
      </w:r>
      <w:r>
        <w:fldChar w:fldCharType="end"/>
      </w:r>
      <w:bookmarkEnd w:id="20"/>
      <w:r w:rsidR="006503FF">
        <w:tab/>
      </w:r>
      <w:r w:rsidR="002B23E5">
        <w:tab/>
      </w:r>
      <w:r w:rsidRPr="007215AA">
        <w:t xml:space="preserve">Summarize discussions, meetings, and written correspondence with regulatory </w:t>
      </w:r>
      <w:r w:rsidR="00B44E5B">
        <w:t xml:space="preserve">agencies </w:t>
      </w:r>
      <w:r w:rsidRPr="007215AA">
        <w:t>or other partners that are relevant to the proposed action and the ESA consultation.</w:t>
      </w:r>
    </w:p>
    <w:p w14:paraId="35C599DF" w14:textId="77777777" w:rsidR="007215AA" w:rsidRDefault="007215AA" w:rsidP="002B23E5">
      <w:pPr>
        <w:pStyle w:val="Heading2"/>
      </w:pPr>
      <w:r>
        <w:t>Description of the Proposed Action</w:t>
      </w:r>
    </w:p>
    <w:p w14:paraId="78ACC6E4" w14:textId="77777777" w:rsidR="007215AA" w:rsidRPr="007215AA" w:rsidRDefault="007215AA" w:rsidP="001950A0">
      <w:pPr>
        <w:pStyle w:val="Heading3"/>
      </w:pPr>
      <w:r w:rsidRPr="007215AA">
        <w:t>Project Summary</w:t>
      </w:r>
    </w:p>
    <w:p w14:paraId="17571297" w14:textId="77777777" w:rsidR="007215AA" w:rsidRDefault="007215AA" w:rsidP="002B23E5">
      <w:pPr>
        <w:tabs>
          <w:tab w:val="left" w:pos="720"/>
        </w:tabs>
        <w:ind w:left="720" w:hanging="720"/>
        <w:contextualSpacing/>
      </w:pPr>
      <w:r>
        <w:fldChar w:fldCharType="begin">
          <w:ffData>
            <w:name w:val="Check14"/>
            <w:enabled/>
            <w:calcOnExit w:val="0"/>
            <w:checkBox>
              <w:sizeAuto/>
              <w:default w:val="0"/>
            </w:checkBox>
          </w:ffData>
        </w:fldChar>
      </w:r>
      <w:bookmarkStart w:id="21" w:name="Check14"/>
      <w:r>
        <w:instrText xml:space="preserve"> FORMCHECKBOX </w:instrText>
      </w:r>
      <w:r w:rsidR="00655F45">
        <w:fldChar w:fldCharType="separate"/>
      </w:r>
      <w:r>
        <w:fldChar w:fldCharType="end"/>
      </w:r>
      <w:bookmarkEnd w:id="21"/>
      <w:r w:rsidR="006503FF">
        <w:tab/>
      </w:r>
      <w:r w:rsidR="00F27CA5" w:rsidRPr="00F27CA5">
        <w:t>A summarized description of the agency action proposed to be authorized, funded, or carried out in which there is discretionary Federal involvement or control.</w:t>
      </w:r>
    </w:p>
    <w:p w14:paraId="0270E4C7" w14:textId="77777777" w:rsidR="007215AA" w:rsidRPr="001950A0" w:rsidRDefault="007215AA" w:rsidP="001950A0">
      <w:pPr>
        <w:pStyle w:val="Heading3"/>
      </w:pPr>
      <w:r w:rsidRPr="001950A0">
        <w:lastRenderedPageBreak/>
        <w:t>Authorities and Discretion</w:t>
      </w:r>
    </w:p>
    <w:p w14:paraId="4005696E" w14:textId="65E5DA6D" w:rsidR="007215AA" w:rsidRDefault="007215AA" w:rsidP="002B23E5">
      <w:pPr>
        <w:tabs>
          <w:tab w:val="left" w:pos="720"/>
        </w:tabs>
        <w:ind w:left="720" w:hanging="720"/>
        <w:contextualSpacing/>
      </w:pPr>
      <w:r>
        <w:fldChar w:fldCharType="begin">
          <w:ffData>
            <w:name w:val="Check15"/>
            <w:enabled/>
            <w:calcOnExit w:val="0"/>
            <w:checkBox>
              <w:sizeAuto/>
              <w:default w:val="0"/>
            </w:checkBox>
          </w:ffData>
        </w:fldChar>
      </w:r>
      <w:bookmarkStart w:id="22" w:name="Check15"/>
      <w:r>
        <w:instrText xml:space="preserve"> FORMCHECKBOX </w:instrText>
      </w:r>
      <w:r w:rsidR="00655F45">
        <w:fldChar w:fldCharType="separate"/>
      </w:r>
      <w:r>
        <w:fldChar w:fldCharType="end"/>
      </w:r>
      <w:bookmarkEnd w:id="22"/>
      <w:r w:rsidR="006503FF">
        <w:tab/>
      </w:r>
      <w:r w:rsidR="00F27CA5" w:rsidRPr="00F27CA5">
        <w:t xml:space="preserve">A description of the </w:t>
      </w:r>
      <w:r w:rsidR="00B44E5B">
        <w:t xml:space="preserve">Federal, </w:t>
      </w:r>
      <w:r w:rsidR="00F27CA5" w:rsidRPr="00F27CA5">
        <w:t>State</w:t>
      </w:r>
      <w:r w:rsidR="00B44E5B">
        <w:t>,</w:t>
      </w:r>
      <w:r w:rsidR="00F27CA5" w:rsidRPr="00F27CA5">
        <w:t xml:space="preserve"> and local authorities’ policies and ordinances affecting the proposed action.</w:t>
      </w:r>
    </w:p>
    <w:p w14:paraId="2AAA7137" w14:textId="77777777" w:rsidR="007215AA" w:rsidRDefault="007215AA" w:rsidP="002B23E5">
      <w:pPr>
        <w:tabs>
          <w:tab w:val="left" w:pos="720"/>
        </w:tabs>
        <w:ind w:left="720" w:hanging="720"/>
        <w:contextualSpacing/>
      </w:pPr>
      <w:r>
        <w:fldChar w:fldCharType="begin">
          <w:ffData>
            <w:name w:val="Check16"/>
            <w:enabled/>
            <w:calcOnExit w:val="0"/>
            <w:checkBox>
              <w:sizeAuto/>
              <w:default w:val="0"/>
            </w:checkBox>
          </w:ffData>
        </w:fldChar>
      </w:r>
      <w:bookmarkStart w:id="23" w:name="Check16"/>
      <w:r>
        <w:instrText xml:space="preserve"> FORMCHECKBOX </w:instrText>
      </w:r>
      <w:r w:rsidR="00655F45">
        <w:fldChar w:fldCharType="separate"/>
      </w:r>
      <w:r>
        <w:fldChar w:fldCharType="end"/>
      </w:r>
      <w:bookmarkEnd w:id="23"/>
      <w:r w:rsidR="006503FF">
        <w:tab/>
      </w:r>
      <w:r w:rsidR="00F27CA5" w:rsidRPr="00F27CA5">
        <w:t>A description of the extent and limits of agency discretion that are applicable to the proposed action and pertain to action-related effects on federally-listed fish and protected habitat.</w:t>
      </w:r>
    </w:p>
    <w:p w14:paraId="67C603B3" w14:textId="77777777" w:rsidR="007215AA" w:rsidRDefault="007215AA" w:rsidP="001950A0">
      <w:pPr>
        <w:pStyle w:val="Heading3"/>
      </w:pPr>
      <w:r>
        <w:t>Project Location</w:t>
      </w:r>
    </w:p>
    <w:p w14:paraId="3288D720" w14:textId="77777777" w:rsidR="007215AA" w:rsidRDefault="00F27CA5" w:rsidP="002B23E5">
      <w:pPr>
        <w:ind w:left="720" w:hanging="720"/>
        <w:contextualSpacing/>
      </w:pPr>
      <w:r>
        <w:fldChar w:fldCharType="begin">
          <w:ffData>
            <w:name w:val="Check17"/>
            <w:enabled/>
            <w:calcOnExit w:val="0"/>
            <w:checkBox>
              <w:sizeAuto/>
              <w:default w:val="0"/>
            </w:checkBox>
          </w:ffData>
        </w:fldChar>
      </w:r>
      <w:bookmarkStart w:id="24" w:name="Check17"/>
      <w:r>
        <w:instrText xml:space="preserve"> FORMCHECKBOX </w:instrText>
      </w:r>
      <w:r w:rsidR="00655F45">
        <w:fldChar w:fldCharType="separate"/>
      </w:r>
      <w:r>
        <w:fldChar w:fldCharType="end"/>
      </w:r>
      <w:bookmarkEnd w:id="24"/>
      <w:r w:rsidR="006503FF">
        <w:tab/>
      </w:r>
      <w:r w:rsidRPr="00F27CA5">
        <w:t>Project location, county, route, post-mile (PM), river mile (RM), latitude/longitude coordinates, or other applicable geographic location data.</w:t>
      </w:r>
    </w:p>
    <w:p w14:paraId="46B1AC15" w14:textId="77777777" w:rsidR="00F27CA5" w:rsidRDefault="00F27CA5" w:rsidP="002B23E5">
      <w:pPr>
        <w:ind w:left="720" w:hanging="720"/>
        <w:contextualSpacing/>
      </w:pPr>
      <w:r>
        <w:fldChar w:fldCharType="begin">
          <w:ffData>
            <w:name w:val="Check18"/>
            <w:enabled/>
            <w:calcOnExit w:val="0"/>
            <w:checkBox>
              <w:sizeAuto/>
              <w:default w:val="0"/>
            </w:checkBox>
          </w:ffData>
        </w:fldChar>
      </w:r>
      <w:bookmarkStart w:id="25" w:name="Check18"/>
      <w:r>
        <w:instrText xml:space="preserve"> FORMCHECKBOX </w:instrText>
      </w:r>
      <w:r w:rsidR="00655F45">
        <w:fldChar w:fldCharType="separate"/>
      </w:r>
      <w:r>
        <w:fldChar w:fldCharType="end"/>
      </w:r>
      <w:bookmarkEnd w:id="25"/>
      <w:r w:rsidR="006503FF">
        <w:tab/>
      </w:r>
      <w:r w:rsidRPr="00F27CA5">
        <w:t>Map of project location/vicinity, including topographic representation and/or photographs if available.</w:t>
      </w:r>
    </w:p>
    <w:p w14:paraId="29238A15" w14:textId="77777777" w:rsidR="00F27CA5" w:rsidRDefault="00F27CA5" w:rsidP="002B23E5">
      <w:pPr>
        <w:ind w:left="720" w:hanging="720"/>
        <w:contextualSpacing/>
      </w:pPr>
      <w:r>
        <w:fldChar w:fldCharType="begin">
          <w:ffData>
            <w:name w:val="Check19"/>
            <w:enabled/>
            <w:calcOnExit w:val="0"/>
            <w:checkBox>
              <w:sizeAuto/>
              <w:default w:val="0"/>
            </w:checkBox>
          </w:ffData>
        </w:fldChar>
      </w:r>
      <w:bookmarkStart w:id="26" w:name="Check19"/>
      <w:r>
        <w:instrText xml:space="preserve"> FORMCHECKBOX </w:instrText>
      </w:r>
      <w:r w:rsidR="00655F45">
        <w:fldChar w:fldCharType="separate"/>
      </w:r>
      <w:r>
        <w:fldChar w:fldCharType="end"/>
      </w:r>
      <w:bookmarkEnd w:id="26"/>
      <w:r w:rsidR="006503FF">
        <w:tab/>
      </w:r>
      <w:r w:rsidRPr="00F27CA5">
        <w:t>River/stream name and location.</w:t>
      </w:r>
    </w:p>
    <w:p w14:paraId="5375030C" w14:textId="77777777" w:rsidR="00F27CA5" w:rsidRDefault="00F27CA5" w:rsidP="002B23E5">
      <w:pPr>
        <w:ind w:left="720" w:hanging="720"/>
        <w:contextualSpacing/>
      </w:pPr>
      <w:r>
        <w:fldChar w:fldCharType="begin">
          <w:ffData>
            <w:name w:val="Check20"/>
            <w:enabled/>
            <w:calcOnExit w:val="0"/>
            <w:checkBox>
              <w:sizeAuto/>
              <w:default w:val="0"/>
            </w:checkBox>
          </w:ffData>
        </w:fldChar>
      </w:r>
      <w:bookmarkStart w:id="27" w:name="Check20"/>
      <w:r>
        <w:instrText xml:space="preserve"> FORMCHECKBOX </w:instrText>
      </w:r>
      <w:r w:rsidR="00655F45">
        <w:fldChar w:fldCharType="separate"/>
      </w:r>
      <w:r>
        <w:fldChar w:fldCharType="end"/>
      </w:r>
      <w:bookmarkEnd w:id="27"/>
      <w:r w:rsidR="006503FF">
        <w:tab/>
      </w:r>
      <w:r w:rsidR="00566C3B" w:rsidRPr="00566C3B">
        <w:t>Site photographs.</w:t>
      </w:r>
    </w:p>
    <w:p w14:paraId="4B02BEC6" w14:textId="77777777" w:rsidR="00F27CA5" w:rsidRDefault="00F27CA5" w:rsidP="00F30BC3">
      <w:pPr>
        <w:ind w:left="720" w:hanging="720"/>
        <w:contextualSpacing/>
      </w:pPr>
      <w:r>
        <w:fldChar w:fldCharType="begin">
          <w:ffData>
            <w:name w:val="Check21"/>
            <w:enabled/>
            <w:calcOnExit w:val="0"/>
            <w:checkBox>
              <w:sizeAuto/>
              <w:default w:val="0"/>
            </w:checkBox>
          </w:ffData>
        </w:fldChar>
      </w:r>
      <w:bookmarkStart w:id="28" w:name="Check21"/>
      <w:r>
        <w:instrText xml:space="preserve"> FORMCHECKBOX </w:instrText>
      </w:r>
      <w:r w:rsidR="00655F45">
        <w:fldChar w:fldCharType="separate"/>
      </w:r>
      <w:r>
        <w:fldChar w:fldCharType="end"/>
      </w:r>
      <w:bookmarkEnd w:id="28"/>
      <w:r w:rsidR="006503FF">
        <w:tab/>
      </w:r>
      <w:r w:rsidR="00566C3B" w:rsidRPr="00566C3B">
        <w:t>Other geographic information that will help describe the physical location of the project.</w:t>
      </w:r>
    </w:p>
    <w:p w14:paraId="435D7C7C" w14:textId="77777777" w:rsidR="00F27CA5" w:rsidRDefault="00F27CA5" w:rsidP="00F30BC3">
      <w:pPr>
        <w:ind w:left="720" w:hanging="720"/>
        <w:contextualSpacing/>
      </w:pPr>
      <w:r>
        <w:fldChar w:fldCharType="begin">
          <w:ffData>
            <w:name w:val="Check22"/>
            <w:enabled/>
            <w:calcOnExit w:val="0"/>
            <w:checkBox>
              <w:sizeAuto/>
              <w:default w:val="0"/>
            </w:checkBox>
          </w:ffData>
        </w:fldChar>
      </w:r>
      <w:bookmarkStart w:id="29" w:name="Check22"/>
      <w:r>
        <w:instrText xml:space="preserve"> FORMCHECKBOX </w:instrText>
      </w:r>
      <w:r w:rsidR="00655F45">
        <w:fldChar w:fldCharType="separate"/>
      </w:r>
      <w:r>
        <w:fldChar w:fldCharType="end"/>
      </w:r>
      <w:bookmarkEnd w:id="29"/>
      <w:r w:rsidR="006503FF">
        <w:tab/>
      </w:r>
      <w:r w:rsidR="00566C3B" w:rsidRPr="00566C3B">
        <w:t xml:space="preserve">Description of environmentally sensitive areas </w:t>
      </w:r>
      <w:r w:rsidR="00566C3B">
        <w:t xml:space="preserve">(ESAs) </w:t>
      </w:r>
      <w:r w:rsidR="00566C3B" w:rsidRPr="00566C3B">
        <w:t xml:space="preserve">within the project area, including occupied fish habitat or </w:t>
      </w:r>
      <w:r w:rsidR="00566C3B" w:rsidRPr="00DA59E5">
        <w:t>primary constituent elements (PCEs)</w:t>
      </w:r>
      <w:r w:rsidR="00566C3B" w:rsidRPr="00566C3B">
        <w:t xml:space="preserve"> of critical habitat.</w:t>
      </w:r>
    </w:p>
    <w:p w14:paraId="747D709E" w14:textId="77777777" w:rsidR="00566C3B" w:rsidRPr="000376F2" w:rsidRDefault="00566C3B" w:rsidP="001950A0">
      <w:pPr>
        <w:pStyle w:val="Heading3"/>
      </w:pPr>
      <w:r w:rsidRPr="000376F2">
        <w:t>Construction Methodology</w:t>
      </w:r>
    </w:p>
    <w:p w14:paraId="0B5659DC" w14:textId="77777777" w:rsidR="00566C3B" w:rsidRPr="000376F2" w:rsidRDefault="00566C3B" w:rsidP="000376F2">
      <w:pPr>
        <w:pStyle w:val="Heading4"/>
      </w:pPr>
      <w:r w:rsidRPr="000376F2">
        <w:t>Deconstruct the Action</w:t>
      </w:r>
    </w:p>
    <w:p w14:paraId="0AC1F529" w14:textId="6DFE18A7" w:rsidR="00E32A7D" w:rsidRPr="00E32A7D" w:rsidRDefault="00E32A7D" w:rsidP="002B23E5">
      <w:pPr>
        <w:ind w:left="630" w:hanging="630"/>
      </w:pPr>
      <w:r>
        <w:fldChar w:fldCharType="begin">
          <w:ffData>
            <w:name w:val="Check27"/>
            <w:enabled/>
            <w:calcOnExit w:val="0"/>
            <w:checkBox>
              <w:sizeAuto/>
              <w:default w:val="0"/>
            </w:checkBox>
          </w:ffData>
        </w:fldChar>
      </w:r>
      <w:bookmarkStart w:id="30" w:name="Check27"/>
      <w:r>
        <w:instrText xml:space="preserve"> FORMCHECKBOX </w:instrText>
      </w:r>
      <w:r w:rsidR="00655F45">
        <w:fldChar w:fldCharType="separate"/>
      </w:r>
      <w:r>
        <w:fldChar w:fldCharType="end"/>
      </w:r>
      <w:bookmarkEnd w:id="30"/>
      <w:r w:rsidR="002B23E5">
        <w:tab/>
      </w:r>
      <w:r w:rsidRPr="00E32A7D">
        <w:t>Deconstruct the action by describing specific project components that may affect species and critical habitat.  Details of this approach are described in</w:t>
      </w:r>
      <w:r>
        <w:t xml:space="preserve"> </w:t>
      </w:r>
      <w:hyperlink r:id="rId15" w:tooltip="Framework for Conducting Jeopardy Analyses under Section 7" w:history="1">
        <w:r w:rsidR="008E1E43" w:rsidRPr="004F6F6D">
          <w:rPr>
            <w:rStyle w:val="Hyperlink"/>
          </w:rPr>
          <w:t>An Assessment Framework for Conducting Jeopardy Analyses under Section 7 of the Endangered Species Act</w:t>
        </w:r>
      </w:hyperlink>
      <w:r w:rsidR="008E1E43" w:rsidRPr="004F6F6D">
        <w:t>.</w:t>
      </w:r>
    </w:p>
    <w:p w14:paraId="4DE6EE20" w14:textId="77777777" w:rsidR="00566C3B" w:rsidRDefault="00566C3B" w:rsidP="000376F2">
      <w:pPr>
        <w:pStyle w:val="Heading4"/>
      </w:pPr>
      <w:r>
        <w:t>Construction Activities:  Methods, Project Footprints, Staging, Access, and Equipment</w:t>
      </w:r>
    </w:p>
    <w:p w14:paraId="2F4A1F5D" w14:textId="77777777" w:rsidR="00E32A7D" w:rsidRDefault="00E32A7D" w:rsidP="002B23E5">
      <w:pPr>
        <w:ind w:left="630" w:hanging="630"/>
        <w:contextualSpacing/>
      </w:pPr>
      <w:r>
        <w:fldChar w:fldCharType="begin">
          <w:ffData>
            <w:name w:val="Check28"/>
            <w:enabled/>
            <w:calcOnExit w:val="0"/>
            <w:checkBox>
              <w:sizeAuto/>
              <w:default w:val="0"/>
            </w:checkBox>
          </w:ffData>
        </w:fldChar>
      </w:r>
      <w:bookmarkStart w:id="31" w:name="Check28"/>
      <w:r>
        <w:instrText xml:space="preserve"> FORMCHECKBOX </w:instrText>
      </w:r>
      <w:r w:rsidR="00655F45">
        <w:fldChar w:fldCharType="separate"/>
      </w:r>
      <w:r>
        <w:fldChar w:fldCharType="end"/>
      </w:r>
      <w:bookmarkEnd w:id="31"/>
      <w:r w:rsidR="002B23E5">
        <w:tab/>
      </w:r>
      <w:r>
        <w:t>Details of construction methods to be used.</w:t>
      </w:r>
    </w:p>
    <w:p w14:paraId="49A1EF2D" w14:textId="77777777" w:rsidR="00E32A7D" w:rsidRDefault="00E32A7D" w:rsidP="002B23E5">
      <w:pPr>
        <w:ind w:left="630" w:hanging="630"/>
        <w:contextualSpacing/>
      </w:pPr>
      <w:r>
        <w:fldChar w:fldCharType="begin">
          <w:ffData>
            <w:name w:val="Check29"/>
            <w:enabled/>
            <w:calcOnExit w:val="0"/>
            <w:checkBox>
              <w:sizeAuto/>
              <w:default w:val="0"/>
            </w:checkBox>
          </w:ffData>
        </w:fldChar>
      </w:r>
      <w:bookmarkStart w:id="32" w:name="Check29"/>
      <w:r>
        <w:instrText xml:space="preserve"> FORMCHECKBOX </w:instrText>
      </w:r>
      <w:r w:rsidR="00655F45">
        <w:fldChar w:fldCharType="separate"/>
      </w:r>
      <w:r>
        <w:fldChar w:fldCharType="end"/>
      </w:r>
      <w:bookmarkEnd w:id="32"/>
      <w:r w:rsidR="002B23E5">
        <w:tab/>
      </w:r>
      <w:r>
        <w:t>Detailed description of in-water construction footprint (quantify total area where applicable).</w:t>
      </w:r>
    </w:p>
    <w:p w14:paraId="64617A9F" w14:textId="77777777" w:rsidR="00E32A7D" w:rsidRDefault="00E32A7D" w:rsidP="002B23E5">
      <w:pPr>
        <w:ind w:left="630" w:hanging="630"/>
        <w:contextualSpacing/>
      </w:pPr>
      <w:r>
        <w:fldChar w:fldCharType="begin">
          <w:ffData>
            <w:name w:val="Check30"/>
            <w:enabled/>
            <w:calcOnExit w:val="0"/>
            <w:checkBox>
              <w:sizeAuto/>
              <w:default w:val="0"/>
            </w:checkBox>
          </w:ffData>
        </w:fldChar>
      </w:r>
      <w:bookmarkStart w:id="33" w:name="Check30"/>
      <w:r>
        <w:instrText xml:space="preserve"> FORMCHECKBOX </w:instrText>
      </w:r>
      <w:r w:rsidR="00655F45">
        <w:fldChar w:fldCharType="separate"/>
      </w:r>
      <w:r>
        <w:fldChar w:fldCharType="end"/>
      </w:r>
      <w:bookmarkEnd w:id="33"/>
      <w:r w:rsidR="002B23E5">
        <w:tab/>
      </w:r>
      <w:r>
        <w:t>Description and location of work pads, staging, traffic staging, parking areas, turn outs, haul roads, access, borrow/disposal/stockpile sites, and utility relocation areas.</w:t>
      </w:r>
    </w:p>
    <w:p w14:paraId="0AAA0779" w14:textId="77777777" w:rsidR="00E32A7D" w:rsidRDefault="00E32A7D" w:rsidP="002B23E5">
      <w:pPr>
        <w:ind w:left="630" w:hanging="630"/>
        <w:contextualSpacing/>
      </w:pPr>
      <w:r>
        <w:fldChar w:fldCharType="begin">
          <w:ffData>
            <w:name w:val="Check31"/>
            <w:enabled/>
            <w:calcOnExit w:val="0"/>
            <w:checkBox>
              <w:sizeAuto/>
              <w:default w:val="0"/>
            </w:checkBox>
          </w:ffData>
        </w:fldChar>
      </w:r>
      <w:bookmarkStart w:id="34" w:name="Check31"/>
      <w:r>
        <w:instrText xml:space="preserve"> FORMCHECKBOX </w:instrText>
      </w:r>
      <w:r w:rsidR="00655F45">
        <w:fldChar w:fldCharType="separate"/>
      </w:r>
      <w:r>
        <w:fldChar w:fldCharType="end"/>
      </w:r>
      <w:bookmarkEnd w:id="34"/>
      <w:r w:rsidR="002B23E5">
        <w:tab/>
      </w:r>
      <w:r>
        <w:t>Detailed description of activities that will occur below the ordinary high water mark (OHWM) or within areas designated as critical habitat.</w:t>
      </w:r>
    </w:p>
    <w:p w14:paraId="37ED5B0A" w14:textId="77777777" w:rsidR="00E32A7D" w:rsidRDefault="00E32A7D" w:rsidP="002B23E5">
      <w:pPr>
        <w:ind w:left="630" w:hanging="630"/>
        <w:contextualSpacing/>
      </w:pPr>
      <w:r>
        <w:fldChar w:fldCharType="begin">
          <w:ffData>
            <w:name w:val="Check32"/>
            <w:enabled/>
            <w:calcOnExit w:val="0"/>
            <w:checkBox>
              <w:sizeAuto/>
              <w:default w:val="0"/>
            </w:checkBox>
          </w:ffData>
        </w:fldChar>
      </w:r>
      <w:bookmarkStart w:id="35" w:name="Check32"/>
      <w:r>
        <w:instrText xml:space="preserve"> FORMCHECKBOX </w:instrText>
      </w:r>
      <w:r w:rsidR="00655F45">
        <w:fldChar w:fldCharType="separate"/>
      </w:r>
      <w:r>
        <w:fldChar w:fldCharType="end"/>
      </w:r>
      <w:bookmarkEnd w:id="35"/>
      <w:r w:rsidR="002B23E5">
        <w:tab/>
      </w:r>
      <w:r>
        <w:t>Types of equipment and materials that will be used for construction.</w:t>
      </w:r>
    </w:p>
    <w:p w14:paraId="27CA5D4F" w14:textId="77777777" w:rsidR="00E32A7D" w:rsidRDefault="00E32A7D" w:rsidP="002B23E5">
      <w:pPr>
        <w:ind w:left="630" w:hanging="630"/>
        <w:contextualSpacing/>
      </w:pPr>
      <w:r>
        <w:fldChar w:fldCharType="begin">
          <w:ffData>
            <w:name w:val="Check33"/>
            <w:enabled/>
            <w:calcOnExit w:val="0"/>
            <w:checkBox>
              <w:sizeAuto/>
              <w:default w:val="0"/>
            </w:checkBox>
          </w:ffData>
        </w:fldChar>
      </w:r>
      <w:bookmarkStart w:id="36" w:name="Check33"/>
      <w:r>
        <w:instrText xml:space="preserve"> FORMCHECKBOX </w:instrText>
      </w:r>
      <w:r w:rsidR="00655F45">
        <w:fldChar w:fldCharType="separate"/>
      </w:r>
      <w:r>
        <w:fldChar w:fldCharType="end"/>
      </w:r>
      <w:bookmarkEnd w:id="36"/>
      <w:r w:rsidR="002B23E5">
        <w:tab/>
      </w:r>
      <w:r>
        <w:t>Location for disposal of material and vegetation, and containment methods.</w:t>
      </w:r>
    </w:p>
    <w:p w14:paraId="196A6EE7" w14:textId="77777777" w:rsidR="00E32A7D" w:rsidRDefault="00E32A7D" w:rsidP="002B23E5">
      <w:pPr>
        <w:ind w:left="630" w:hanging="630"/>
        <w:contextualSpacing/>
      </w:pPr>
      <w:r>
        <w:lastRenderedPageBreak/>
        <w:fldChar w:fldCharType="begin">
          <w:ffData>
            <w:name w:val="Check34"/>
            <w:enabled/>
            <w:calcOnExit w:val="0"/>
            <w:checkBox>
              <w:sizeAuto/>
              <w:default w:val="0"/>
            </w:checkBox>
          </w:ffData>
        </w:fldChar>
      </w:r>
      <w:bookmarkStart w:id="37" w:name="Check34"/>
      <w:r>
        <w:instrText xml:space="preserve"> FORMCHECKBOX </w:instrText>
      </w:r>
      <w:r w:rsidR="00655F45">
        <w:fldChar w:fldCharType="separate"/>
      </w:r>
      <w:r>
        <w:fldChar w:fldCharType="end"/>
      </w:r>
      <w:bookmarkEnd w:id="37"/>
      <w:r w:rsidR="002B23E5">
        <w:tab/>
      </w:r>
      <w:r>
        <w:t>Placement of workpad fill within river channels is comprised of clean washed gravel that meet Caltrans size specifications for salmon and steelhead spawning gravel.</w:t>
      </w:r>
    </w:p>
    <w:p w14:paraId="232D472C" w14:textId="77777777" w:rsidR="00E32A7D" w:rsidRPr="00E32A7D" w:rsidRDefault="00E32A7D" w:rsidP="002B23E5">
      <w:pPr>
        <w:ind w:left="630" w:hanging="630"/>
        <w:contextualSpacing/>
      </w:pPr>
      <w:r>
        <w:fldChar w:fldCharType="begin">
          <w:ffData>
            <w:name w:val="Check35"/>
            <w:enabled/>
            <w:calcOnExit w:val="0"/>
            <w:checkBox>
              <w:sizeAuto/>
              <w:default w:val="0"/>
            </w:checkBox>
          </w:ffData>
        </w:fldChar>
      </w:r>
      <w:bookmarkStart w:id="38" w:name="Check35"/>
      <w:r>
        <w:instrText xml:space="preserve"> FORMCHECKBOX </w:instrText>
      </w:r>
      <w:r w:rsidR="00655F45">
        <w:fldChar w:fldCharType="separate"/>
      </w:r>
      <w:r>
        <w:fldChar w:fldCharType="end"/>
      </w:r>
      <w:bookmarkEnd w:id="38"/>
      <w:r w:rsidR="002B23E5">
        <w:tab/>
      </w:r>
      <w:r>
        <w:t>Timing and duration of proposed conservation measures.</w:t>
      </w:r>
    </w:p>
    <w:p w14:paraId="1B101FC1" w14:textId="77777777" w:rsidR="00566C3B" w:rsidRDefault="00566C3B" w:rsidP="000376F2">
      <w:pPr>
        <w:pStyle w:val="Heading4"/>
      </w:pPr>
      <w:r>
        <w:t>Pile Driving</w:t>
      </w:r>
    </w:p>
    <w:p w14:paraId="549EEE80" w14:textId="77777777" w:rsidR="00E32A7D" w:rsidRDefault="00E32A7D" w:rsidP="00E32A7D">
      <w:r>
        <w:t xml:space="preserve">Note:  </w:t>
      </w:r>
      <w:r w:rsidRPr="00E32A7D">
        <w:t xml:space="preserve">due to the complexity of pile driving analysis, this section includes </w:t>
      </w:r>
      <w:r w:rsidR="006503FF">
        <w:t xml:space="preserve">a </w:t>
      </w:r>
      <w:r w:rsidRPr="00E32A7D">
        <w:t>description of pile driving activities and acoustic analysis requirements</w:t>
      </w:r>
      <w:r>
        <w:t>.</w:t>
      </w:r>
    </w:p>
    <w:p w14:paraId="703097F6" w14:textId="77777777" w:rsidR="00E32A7D" w:rsidRDefault="00E32A7D" w:rsidP="002B23E5">
      <w:pPr>
        <w:ind w:left="630" w:hanging="630"/>
        <w:contextualSpacing/>
      </w:pPr>
      <w:r>
        <w:fldChar w:fldCharType="begin">
          <w:ffData>
            <w:name w:val="Check36"/>
            <w:enabled/>
            <w:calcOnExit w:val="0"/>
            <w:checkBox>
              <w:sizeAuto/>
              <w:default w:val="0"/>
            </w:checkBox>
          </w:ffData>
        </w:fldChar>
      </w:r>
      <w:bookmarkStart w:id="39" w:name="Check36"/>
      <w:r>
        <w:instrText xml:space="preserve"> FORMCHECKBOX </w:instrText>
      </w:r>
      <w:r w:rsidR="00655F45">
        <w:fldChar w:fldCharType="separate"/>
      </w:r>
      <w:r>
        <w:fldChar w:fldCharType="end"/>
      </w:r>
      <w:bookmarkEnd w:id="39"/>
      <w:r w:rsidR="002B23E5">
        <w:tab/>
      </w:r>
      <w:r>
        <w:t>Number of permanent and temporary piles.</w:t>
      </w:r>
    </w:p>
    <w:p w14:paraId="1342B50D" w14:textId="77777777" w:rsidR="00E32A7D" w:rsidRDefault="00E32A7D" w:rsidP="002B23E5">
      <w:pPr>
        <w:ind w:left="630" w:hanging="630"/>
        <w:contextualSpacing/>
      </w:pPr>
      <w:r>
        <w:fldChar w:fldCharType="begin">
          <w:ffData>
            <w:name w:val="Check37"/>
            <w:enabled/>
            <w:calcOnExit w:val="0"/>
            <w:checkBox>
              <w:sizeAuto/>
              <w:default w:val="0"/>
            </w:checkBox>
          </w:ffData>
        </w:fldChar>
      </w:r>
      <w:bookmarkStart w:id="40" w:name="Check37"/>
      <w:r>
        <w:instrText xml:space="preserve"> FORMCHECKBOX </w:instrText>
      </w:r>
      <w:r w:rsidR="00655F45">
        <w:fldChar w:fldCharType="separate"/>
      </w:r>
      <w:r>
        <w:fldChar w:fldCharType="end"/>
      </w:r>
      <w:bookmarkEnd w:id="40"/>
      <w:r w:rsidR="002B23E5">
        <w:tab/>
      </w:r>
      <w:r>
        <w:t>Type and composition of pile (e.g., auger, steel, concrete, sheet pile, “H” pile).</w:t>
      </w:r>
    </w:p>
    <w:p w14:paraId="012870CB" w14:textId="77777777" w:rsidR="00E32A7D" w:rsidRDefault="00E32A7D" w:rsidP="002B23E5">
      <w:pPr>
        <w:ind w:left="630" w:hanging="630"/>
        <w:contextualSpacing/>
      </w:pPr>
      <w:r>
        <w:fldChar w:fldCharType="begin">
          <w:ffData>
            <w:name w:val="Check38"/>
            <w:enabled/>
            <w:calcOnExit w:val="0"/>
            <w:checkBox>
              <w:sizeAuto/>
              <w:default w:val="0"/>
            </w:checkBox>
          </w:ffData>
        </w:fldChar>
      </w:r>
      <w:bookmarkStart w:id="41" w:name="Check38"/>
      <w:r>
        <w:instrText xml:space="preserve"> FORMCHECKBOX </w:instrText>
      </w:r>
      <w:r w:rsidR="00655F45">
        <w:fldChar w:fldCharType="separate"/>
      </w:r>
      <w:r>
        <w:fldChar w:fldCharType="end"/>
      </w:r>
      <w:bookmarkEnd w:id="41"/>
      <w:r w:rsidR="002B23E5">
        <w:tab/>
      </w:r>
      <w:r>
        <w:t>Diameter of piles.</w:t>
      </w:r>
    </w:p>
    <w:p w14:paraId="077BD0A6" w14:textId="77777777" w:rsidR="00E32A7D" w:rsidRDefault="00E32A7D" w:rsidP="002B23E5">
      <w:pPr>
        <w:ind w:left="630" w:hanging="630"/>
        <w:contextualSpacing/>
      </w:pPr>
      <w:r>
        <w:fldChar w:fldCharType="begin">
          <w:ffData>
            <w:name w:val="Check39"/>
            <w:enabled/>
            <w:calcOnExit w:val="0"/>
            <w:checkBox>
              <w:sizeAuto/>
              <w:default w:val="0"/>
            </w:checkBox>
          </w:ffData>
        </w:fldChar>
      </w:r>
      <w:bookmarkStart w:id="42" w:name="Check39"/>
      <w:r>
        <w:instrText xml:space="preserve"> FORMCHECKBOX </w:instrText>
      </w:r>
      <w:r w:rsidR="00655F45">
        <w:fldChar w:fldCharType="separate"/>
      </w:r>
      <w:r>
        <w:fldChar w:fldCharType="end"/>
      </w:r>
      <w:bookmarkEnd w:id="42"/>
      <w:r w:rsidR="002B23E5">
        <w:tab/>
      </w:r>
      <w:r>
        <w:t>Length of piles.</w:t>
      </w:r>
    </w:p>
    <w:p w14:paraId="34002CED" w14:textId="77777777" w:rsidR="00E32A7D" w:rsidRDefault="00E32A7D" w:rsidP="002B23E5">
      <w:pPr>
        <w:ind w:left="630" w:hanging="630"/>
        <w:contextualSpacing/>
      </w:pPr>
      <w:r>
        <w:fldChar w:fldCharType="begin">
          <w:ffData>
            <w:name w:val="Check40"/>
            <w:enabled/>
            <w:calcOnExit w:val="0"/>
            <w:checkBox>
              <w:sizeAuto/>
              <w:default w:val="0"/>
            </w:checkBox>
          </w:ffData>
        </w:fldChar>
      </w:r>
      <w:bookmarkStart w:id="43" w:name="Check40"/>
      <w:r>
        <w:instrText xml:space="preserve"> FORMCHECKBOX </w:instrText>
      </w:r>
      <w:r w:rsidR="00655F45">
        <w:fldChar w:fldCharType="separate"/>
      </w:r>
      <w:r>
        <w:fldChar w:fldCharType="end"/>
      </w:r>
      <w:bookmarkEnd w:id="43"/>
      <w:r w:rsidR="002B23E5">
        <w:tab/>
      </w:r>
      <w:r>
        <w:t>Duration of pile driving (daily and for the entire project).</w:t>
      </w:r>
    </w:p>
    <w:p w14:paraId="05C83D0E" w14:textId="77777777" w:rsidR="00E32A7D" w:rsidRDefault="00E32A7D" w:rsidP="002B23E5">
      <w:pPr>
        <w:ind w:left="630" w:hanging="630"/>
        <w:contextualSpacing/>
      </w:pPr>
      <w:r>
        <w:fldChar w:fldCharType="begin">
          <w:ffData>
            <w:name w:val="Check41"/>
            <w:enabled/>
            <w:calcOnExit w:val="0"/>
            <w:checkBox>
              <w:sizeAuto/>
              <w:default w:val="0"/>
            </w:checkBox>
          </w:ffData>
        </w:fldChar>
      </w:r>
      <w:bookmarkStart w:id="44" w:name="Check41"/>
      <w:r>
        <w:instrText xml:space="preserve"> FORMCHECKBOX </w:instrText>
      </w:r>
      <w:r w:rsidR="00655F45">
        <w:fldChar w:fldCharType="separate"/>
      </w:r>
      <w:r>
        <w:fldChar w:fldCharType="end"/>
      </w:r>
      <w:bookmarkEnd w:id="44"/>
      <w:r w:rsidR="002B23E5">
        <w:tab/>
      </w:r>
      <w:r>
        <w:t>Start and end dates of pile driving (months/years).</w:t>
      </w:r>
    </w:p>
    <w:p w14:paraId="6DDAFFB6" w14:textId="77777777" w:rsidR="00E32A7D" w:rsidRDefault="00E32A7D" w:rsidP="002B23E5">
      <w:pPr>
        <w:ind w:left="630" w:hanging="630"/>
        <w:contextualSpacing/>
      </w:pPr>
      <w:r>
        <w:fldChar w:fldCharType="begin">
          <w:ffData>
            <w:name w:val="Check42"/>
            <w:enabled/>
            <w:calcOnExit w:val="0"/>
            <w:checkBox>
              <w:sizeAuto/>
              <w:default w:val="0"/>
            </w:checkBox>
          </w:ffData>
        </w:fldChar>
      </w:r>
      <w:bookmarkStart w:id="45" w:name="Check42"/>
      <w:r>
        <w:instrText xml:space="preserve"> FORMCHECKBOX </w:instrText>
      </w:r>
      <w:r w:rsidR="00655F45">
        <w:fldChar w:fldCharType="separate"/>
      </w:r>
      <w:r>
        <w:fldChar w:fldCharType="end"/>
      </w:r>
      <w:bookmarkEnd w:id="45"/>
      <w:r w:rsidR="002B23E5">
        <w:tab/>
      </w:r>
      <w:r>
        <w:t>Pile driving source or location (from barge, land, or other).</w:t>
      </w:r>
    </w:p>
    <w:p w14:paraId="0590E577" w14:textId="77777777" w:rsidR="00E32A7D" w:rsidRDefault="00E32A7D" w:rsidP="002B23E5">
      <w:pPr>
        <w:ind w:left="630" w:hanging="630"/>
        <w:contextualSpacing/>
      </w:pPr>
      <w:r>
        <w:fldChar w:fldCharType="begin">
          <w:ffData>
            <w:name w:val="Check43"/>
            <w:enabled/>
            <w:calcOnExit w:val="0"/>
            <w:checkBox>
              <w:sizeAuto/>
              <w:default w:val="0"/>
            </w:checkBox>
          </w:ffData>
        </w:fldChar>
      </w:r>
      <w:bookmarkStart w:id="46" w:name="Check43"/>
      <w:r>
        <w:instrText xml:space="preserve"> FORMCHECKBOX </w:instrText>
      </w:r>
      <w:r w:rsidR="00655F45">
        <w:fldChar w:fldCharType="separate"/>
      </w:r>
      <w:r>
        <w:fldChar w:fldCharType="end"/>
      </w:r>
      <w:bookmarkEnd w:id="46"/>
      <w:r w:rsidR="002B23E5">
        <w:tab/>
      </w:r>
      <w:r>
        <w:t>Proofing the piles load-bearing capacity by pile driving methodology (the intent here is to capture testing the load-bearing capacity of piles placed using vibratory methodology).</w:t>
      </w:r>
    </w:p>
    <w:p w14:paraId="22BFB729" w14:textId="77777777" w:rsidR="00E32A7D" w:rsidRDefault="00E32A7D" w:rsidP="002B23E5">
      <w:pPr>
        <w:ind w:left="630" w:hanging="630"/>
        <w:contextualSpacing/>
      </w:pPr>
      <w:r>
        <w:fldChar w:fldCharType="begin">
          <w:ffData>
            <w:name w:val="Check44"/>
            <w:enabled/>
            <w:calcOnExit w:val="0"/>
            <w:checkBox>
              <w:sizeAuto/>
              <w:default w:val="0"/>
            </w:checkBox>
          </w:ffData>
        </w:fldChar>
      </w:r>
      <w:bookmarkStart w:id="47" w:name="Check44"/>
      <w:r>
        <w:instrText xml:space="preserve"> FORMCHECKBOX </w:instrText>
      </w:r>
      <w:r w:rsidR="00655F45">
        <w:fldChar w:fldCharType="separate"/>
      </w:r>
      <w:r>
        <w:fldChar w:fldCharType="end"/>
      </w:r>
      <w:bookmarkEnd w:id="47"/>
      <w:r w:rsidR="002B23E5">
        <w:tab/>
      </w:r>
      <w:r>
        <w:t>For temporary falsework, please include additional information:</w:t>
      </w:r>
    </w:p>
    <w:p w14:paraId="2FE26AD3" w14:textId="77777777" w:rsidR="00E32A7D" w:rsidRPr="002B23E5" w:rsidRDefault="00E32A7D" w:rsidP="002B23E5">
      <w:pPr>
        <w:pStyle w:val="Normalbullettext"/>
      </w:pPr>
      <w:r w:rsidRPr="002B23E5">
        <w:t>Determine if the piles will be left in place during consecutive seasons.</w:t>
      </w:r>
    </w:p>
    <w:p w14:paraId="1C28ECB5" w14:textId="77777777" w:rsidR="00E32A7D" w:rsidRPr="002B23E5" w:rsidRDefault="00E32A7D" w:rsidP="002B23E5">
      <w:pPr>
        <w:pStyle w:val="Normalbullettext"/>
      </w:pPr>
      <w:r w:rsidRPr="002B23E5">
        <w:t>Determine if the piles will be cut-off below the mud-line or completely removed.</w:t>
      </w:r>
    </w:p>
    <w:p w14:paraId="690D9D3D" w14:textId="77777777" w:rsidR="00E32A7D" w:rsidRDefault="00E32A7D" w:rsidP="002B23E5">
      <w:pPr>
        <w:ind w:left="720" w:hanging="720"/>
        <w:contextualSpacing/>
      </w:pPr>
      <w:r>
        <w:fldChar w:fldCharType="begin">
          <w:ffData>
            <w:name w:val="Check45"/>
            <w:enabled/>
            <w:calcOnExit w:val="0"/>
            <w:checkBox>
              <w:sizeAuto/>
              <w:default w:val="0"/>
            </w:checkBox>
          </w:ffData>
        </w:fldChar>
      </w:r>
      <w:bookmarkStart w:id="48" w:name="Check45"/>
      <w:r>
        <w:instrText xml:space="preserve"> FORMCHECKBOX </w:instrText>
      </w:r>
      <w:r w:rsidR="00655F45">
        <w:fldChar w:fldCharType="separate"/>
      </w:r>
      <w:r>
        <w:fldChar w:fldCharType="end"/>
      </w:r>
      <w:bookmarkEnd w:id="48"/>
      <w:r w:rsidR="002B23E5">
        <w:tab/>
      </w:r>
      <w:r>
        <w:t>Size and type of hammer to drive piles:  Identify whether an impact, vibratory, or other type of hammer will be used and if pre-drilling is proposed.</w:t>
      </w:r>
    </w:p>
    <w:p w14:paraId="4A5623EC" w14:textId="77777777" w:rsidR="00E32A7D" w:rsidRDefault="00E32A7D" w:rsidP="002B23E5">
      <w:pPr>
        <w:ind w:left="720" w:hanging="720"/>
        <w:contextualSpacing/>
      </w:pPr>
      <w:r>
        <w:fldChar w:fldCharType="begin">
          <w:ffData>
            <w:name w:val="Check46"/>
            <w:enabled/>
            <w:calcOnExit w:val="0"/>
            <w:checkBox>
              <w:sizeAuto/>
              <w:default w:val="0"/>
            </w:checkBox>
          </w:ffData>
        </w:fldChar>
      </w:r>
      <w:bookmarkStart w:id="49" w:name="Check46"/>
      <w:r>
        <w:instrText xml:space="preserve"> FORMCHECKBOX </w:instrText>
      </w:r>
      <w:r w:rsidR="00655F45">
        <w:fldChar w:fldCharType="separate"/>
      </w:r>
      <w:r>
        <w:fldChar w:fldCharType="end"/>
      </w:r>
      <w:bookmarkEnd w:id="49"/>
      <w:r w:rsidR="002B23E5">
        <w:tab/>
      </w:r>
      <w:r>
        <w:t>Number of pile strikes per pile.</w:t>
      </w:r>
    </w:p>
    <w:p w14:paraId="65ACEAC0" w14:textId="77777777" w:rsidR="00E32A7D" w:rsidRDefault="00E32A7D" w:rsidP="002B23E5">
      <w:pPr>
        <w:ind w:left="720" w:hanging="720"/>
        <w:contextualSpacing/>
      </w:pPr>
      <w:r>
        <w:fldChar w:fldCharType="begin">
          <w:ffData>
            <w:name w:val="Check47"/>
            <w:enabled/>
            <w:calcOnExit w:val="0"/>
            <w:checkBox>
              <w:sizeAuto/>
              <w:default w:val="0"/>
            </w:checkBox>
          </w:ffData>
        </w:fldChar>
      </w:r>
      <w:bookmarkStart w:id="50" w:name="Check47"/>
      <w:r>
        <w:instrText xml:space="preserve"> FORMCHECKBOX </w:instrText>
      </w:r>
      <w:r w:rsidR="00655F45">
        <w:fldChar w:fldCharType="separate"/>
      </w:r>
      <w:r>
        <w:fldChar w:fldCharType="end"/>
      </w:r>
      <w:bookmarkEnd w:id="50"/>
      <w:r w:rsidR="002B23E5">
        <w:tab/>
      </w:r>
      <w:r>
        <w:t>Number of piles to be driven per day (clock resets only after a 12 hour break).</w:t>
      </w:r>
    </w:p>
    <w:p w14:paraId="35B6B5AC" w14:textId="77777777" w:rsidR="00E32A7D" w:rsidRDefault="00E32A7D" w:rsidP="002B23E5">
      <w:pPr>
        <w:ind w:left="720" w:hanging="720"/>
        <w:contextualSpacing/>
      </w:pPr>
      <w:r>
        <w:fldChar w:fldCharType="begin">
          <w:ffData>
            <w:name w:val="Check48"/>
            <w:enabled/>
            <w:calcOnExit w:val="0"/>
            <w:checkBox>
              <w:sizeAuto/>
              <w:default w:val="0"/>
            </w:checkBox>
          </w:ffData>
        </w:fldChar>
      </w:r>
      <w:bookmarkStart w:id="51" w:name="Check48"/>
      <w:r>
        <w:instrText xml:space="preserve"> FORMCHECKBOX </w:instrText>
      </w:r>
      <w:r w:rsidR="00655F45">
        <w:fldChar w:fldCharType="separate"/>
      </w:r>
      <w:r>
        <w:fldChar w:fldCharType="end"/>
      </w:r>
      <w:bookmarkEnd w:id="51"/>
      <w:r w:rsidR="002B23E5">
        <w:tab/>
      </w:r>
      <w:r>
        <w:t>Location of piles in and near the channel:</w:t>
      </w:r>
    </w:p>
    <w:p w14:paraId="3D644CDE" w14:textId="77777777" w:rsidR="00E32A7D" w:rsidRDefault="00E32A7D" w:rsidP="002B23E5">
      <w:pPr>
        <w:pStyle w:val="Normalbullettext"/>
      </w:pPr>
      <w:r>
        <w:t>Provide drawings that include the water depth in profile view and the channel width in plan view.</w:t>
      </w:r>
    </w:p>
    <w:p w14:paraId="4BE5C221" w14:textId="77777777" w:rsidR="00E32A7D" w:rsidRDefault="00E32A7D" w:rsidP="002B23E5">
      <w:pPr>
        <w:pStyle w:val="Normalbullettext"/>
      </w:pPr>
      <w:r>
        <w:t>Illustrate the approximate locations of temporary and permanent piles.</w:t>
      </w:r>
    </w:p>
    <w:p w14:paraId="485551E4" w14:textId="77777777" w:rsidR="00E32A7D" w:rsidRDefault="00E32A7D" w:rsidP="002B23E5">
      <w:pPr>
        <w:pStyle w:val="Normalbullettext"/>
      </w:pPr>
      <w:r>
        <w:t>Indicate the location and distance to the wetted channel of piles not driven in the</w:t>
      </w:r>
      <w:r w:rsidR="00012EF0">
        <w:t xml:space="preserve"> </w:t>
      </w:r>
      <w:r>
        <w:t>water to the water column.</w:t>
      </w:r>
    </w:p>
    <w:p w14:paraId="0C3372DF" w14:textId="77777777" w:rsidR="00E32A7D" w:rsidRDefault="00012EF0" w:rsidP="002B23E5">
      <w:pPr>
        <w:ind w:left="720" w:hanging="720"/>
        <w:contextualSpacing/>
      </w:pPr>
      <w:r>
        <w:fldChar w:fldCharType="begin">
          <w:ffData>
            <w:name w:val="Check49"/>
            <w:enabled/>
            <w:calcOnExit w:val="0"/>
            <w:checkBox>
              <w:sizeAuto/>
              <w:default w:val="0"/>
            </w:checkBox>
          </w:ffData>
        </w:fldChar>
      </w:r>
      <w:bookmarkStart w:id="52" w:name="Check49"/>
      <w:r>
        <w:instrText xml:space="preserve"> FORMCHECKBOX </w:instrText>
      </w:r>
      <w:r w:rsidR="00655F45">
        <w:fldChar w:fldCharType="separate"/>
      </w:r>
      <w:r>
        <w:fldChar w:fldCharType="end"/>
      </w:r>
      <w:bookmarkEnd w:id="52"/>
      <w:r w:rsidR="002B23E5">
        <w:tab/>
      </w:r>
      <w:r w:rsidR="00E32A7D">
        <w:t>Depth the water piles will be located.</w:t>
      </w:r>
    </w:p>
    <w:p w14:paraId="2CCA7CBA" w14:textId="77777777" w:rsidR="00E32A7D" w:rsidRDefault="00012EF0" w:rsidP="002B23E5">
      <w:pPr>
        <w:ind w:left="720" w:hanging="720"/>
        <w:contextualSpacing/>
      </w:pPr>
      <w:r>
        <w:fldChar w:fldCharType="begin">
          <w:ffData>
            <w:name w:val="Check50"/>
            <w:enabled/>
            <w:calcOnExit w:val="0"/>
            <w:checkBox>
              <w:sizeAuto/>
              <w:default w:val="0"/>
            </w:checkBox>
          </w:ffData>
        </w:fldChar>
      </w:r>
      <w:bookmarkStart w:id="53" w:name="Check50"/>
      <w:r>
        <w:instrText xml:space="preserve"> FORMCHECKBOX </w:instrText>
      </w:r>
      <w:r w:rsidR="00655F45">
        <w:fldChar w:fldCharType="separate"/>
      </w:r>
      <w:r>
        <w:fldChar w:fldCharType="end"/>
      </w:r>
      <w:bookmarkEnd w:id="53"/>
      <w:r w:rsidR="002B23E5">
        <w:tab/>
      </w:r>
      <w:r w:rsidR="00E32A7D">
        <w:t>Substrate in which piles will be located.</w:t>
      </w:r>
    </w:p>
    <w:p w14:paraId="6F1FA962" w14:textId="77777777" w:rsidR="00012EF0" w:rsidRDefault="00012EF0" w:rsidP="002B23E5">
      <w:pPr>
        <w:ind w:left="720" w:hanging="720"/>
        <w:contextualSpacing/>
      </w:pPr>
      <w:r>
        <w:fldChar w:fldCharType="begin">
          <w:ffData>
            <w:name w:val="Check51"/>
            <w:enabled/>
            <w:calcOnExit w:val="0"/>
            <w:checkBox>
              <w:sizeAuto/>
              <w:default w:val="0"/>
            </w:checkBox>
          </w:ffData>
        </w:fldChar>
      </w:r>
      <w:bookmarkStart w:id="54" w:name="Check51"/>
      <w:r>
        <w:instrText xml:space="preserve"> FORMCHECKBOX </w:instrText>
      </w:r>
      <w:r w:rsidR="00655F45">
        <w:fldChar w:fldCharType="separate"/>
      </w:r>
      <w:r>
        <w:fldChar w:fldCharType="end"/>
      </w:r>
      <w:bookmarkEnd w:id="54"/>
      <w:r w:rsidR="002B23E5">
        <w:tab/>
      </w:r>
      <w:r w:rsidR="00E32A7D">
        <w:t>Sound attenuation devices to be used (e.g., bubble curtain, isolation casing, dewatered cofferdam) and indicate which piles the attenuation would be used for.</w:t>
      </w:r>
    </w:p>
    <w:p w14:paraId="2CB20F30" w14:textId="77777777" w:rsidR="00E32A7D" w:rsidRDefault="00E32A7D" w:rsidP="002B23E5">
      <w:pPr>
        <w:ind w:left="720" w:hanging="720"/>
        <w:contextualSpacing/>
      </w:pPr>
      <w:r>
        <w:t xml:space="preserve"> </w:t>
      </w:r>
      <w:r w:rsidR="00012EF0">
        <w:fldChar w:fldCharType="begin">
          <w:ffData>
            <w:name w:val="Check52"/>
            <w:enabled/>
            <w:calcOnExit w:val="0"/>
            <w:checkBox>
              <w:sizeAuto/>
              <w:default w:val="0"/>
            </w:checkBox>
          </w:ffData>
        </w:fldChar>
      </w:r>
      <w:bookmarkStart w:id="55" w:name="Check52"/>
      <w:r w:rsidR="00012EF0">
        <w:instrText xml:space="preserve"> FORMCHECKBOX </w:instrText>
      </w:r>
      <w:r w:rsidR="00655F45">
        <w:fldChar w:fldCharType="separate"/>
      </w:r>
      <w:r w:rsidR="00012EF0">
        <w:fldChar w:fldCharType="end"/>
      </w:r>
      <w:bookmarkEnd w:id="55"/>
      <w:r w:rsidR="002B23E5">
        <w:tab/>
      </w:r>
      <w:r>
        <w:t>Estimate the anticipated decrease in transmitted pressure (dB) due to the attenuation device.</w:t>
      </w:r>
    </w:p>
    <w:p w14:paraId="45FD5E35" w14:textId="77777777" w:rsidR="00E32A7D" w:rsidRDefault="00012EF0" w:rsidP="002B23E5">
      <w:pPr>
        <w:ind w:left="720" w:hanging="720"/>
        <w:contextualSpacing/>
      </w:pPr>
      <w:r>
        <w:fldChar w:fldCharType="begin">
          <w:ffData>
            <w:name w:val="Check53"/>
            <w:enabled/>
            <w:calcOnExit w:val="0"/>
            <w:checkBox>
              <w:sizeAuto/>
              <w:default w:val="0"/>
            </w:checkBox>
          </w:ffData>
        </w:fldChar>
      </w:r>
      <w:bookmarkStart w:id="56" w:name="Check53"/>
      <w:r>
        <w:instrText xml:space="preserve"> FORMCHECKBOX </w:instrText>
      </w:r>
      <w:r w:rsidR="00655F45">
        <w:fldChar w:fldCharType="separate"/>
      </w:r>
      <w:r>
        <w:fldChar w:fldCharType="end"/>
      </w:r>
      <w:bookmarkEnd w:id="56"/>
      <w:r w:rsidR="002B23E5">
        <w:tab/>
      </w:r>
      <w:r w:rsidR="00E32A7D">
        <w:t>Methodology and construction procedure of sound attenuation.</w:t>
      </w:r>
    </w:p>
    <w:p w14:paraId="2413F2D1" w14:textId="77777777" w:rsidR="00E32A7D" w:rsidRDefault="00012EF0" w:rsidP="002B23E5">
      <w:pPr>
        <w:ind w:left="720" w:hanging="720"/>
        <w:contextualSpacing/>
      </w:pPr>
      <w:r>
        <w:lastRenderedPageBreak/>
        <w:fldChar w:fldCharType="begin">
          <w:ffData>
            <w:name w:val="Check54"/>
            <w:enabled/>
            <w:calcOnExit w:val="0"/>
            <w:checkBox>
              <w:sizeAuto/>
              <w:default w:val="0"/>
            </w:checkBox>
          </w:ffData>
        </w:fldChar>
      </w:r>
      <w:bookmarkStart w:id="57" w:name="Check54"/>
      <w:r>
        <w:instrText xml:space="preserve"> FORMCHECKBOX </w:instrText>
      </w:r>
      <w:r w:rsidR="00655F45">
        <w:fldChar w:fldCharType="separate"/>
      </w:r>
      <w:r>
        <w:fldChar w:fldCharType="end"/>
      </w:r>
      <w:bookmarkEnd w:id="57"/>
      <w:r w:rsidR="002B23E5">
        <w:tab/>
      </w:r>
      <w:r w:rsidR="00E32A7D">
        <w:t>Estimate the underwater sound generated from each pile type/size (with attenuation methods if proposed), to include the metric referenced to the pressure (i.e., peak dB re: 1</w:t>
      </w:r>
      <w:r>
        <w:t xml:space="preserve"> </w:t>
      </w:r>
      <w:r w:rsidR="00E32A7D">
        <w:t>µPa, and RMS re: 1 µPa and single-strike and cumulative SEL dB re: 1 µPa2-sec).</w:t>
      </w:r>
    </w:p>
    <w:p w14:paraId="2C57146B" w14:textId="320AA00B" w:rsidR="00E32A7D" w:rsidRDefault="00012EF0" w:rsidP="002B23E5">
      <w:pPr>
        <w:ind w:left="720" w:hanging="720"/>
        <w:contextualSpacing/>
      </w:pPr>
      <w:r>
        <w:fldChar w:fldCharType="begin">
          <w:ffData>
            <w:name w:val="Check55"/>
            <w:enabled/>
            <w:calcOnExit w:val="0"/>
            <w:checkBox>
              <w:sizeAuto/>
              <w:default w:val="0"/>
            </w:checkBox>
          </w:ffData>
        </w:fldChar>
      </w:r>
      <w:bookmarkStart w:id="58" w:name="Check55"/>
      <w:r>
        <w:instrText xml:space="preserve"> FORMCHECKBOX </w:instrText>
      </w:r>
      <w:r w:rsidR="00655F45">
        <w:fldChar w:fldCharType="separate"/>
      </w:r>
      <w:r>
        <w:fldChar w:fldCharType="end"/>
      </w:r>
      <w:bookmarkEnd w:id="58"/>
      <w:r w:rsidR="002B23E5">
        <w:tab/>
      </w:r>
      <w:r w:rsidR="00E32A7D">
        <w:t>Acoustic Impact Area:  Estimate the distances from the piles to reach the onset of physical injury thresholds for impact hammer pile driving (206 dB peak, and 183 and/or</w:t>
      </w:r>
      <w:r>
        <w:t xml:space="preserve"> </w:t>
      </w:r>
      <w:r w:rsidR="00E32A7D">
        <w:t>187 dB cSEL depending on fish size); see</w:t>
      </w:r>
      <w:r w:rsidR="008E1E43">
        <w:t xml:space="preserve"> the Fisheries Hydroacoustic Working Group (FHWG) </w:t>
      </w:r>
      <w:hyperlink r:id="rId16" w:tooltip="Agreement in Principle for Interim Criteria for Injury to Fish from Pile Driving" w:history="1">
        <w:r w:rsidR="008E1E43" w:rsidRPr="008E1E43">
          <w:rPr>
            <w:rStyle w:val="Hyperlink"/>
          </w:rPr>
          <w:t>Agreement in Principle for Interim Criteria for Injury to Fish from Pile Driving Activities</w:t>
        </w:r>
      </w:hyperlink>
      <w:r w:rsidR="008E1E43">
        <w:t xml:space="preserve"> </w:t>
      </w:r>
      <w:r w:rsidR="00E1269A">
        <w:t xml:space="preserve">for more information.  </w:t>
      </w:r>
      <w:r w:rsidR="00E32A7D">
        <w:t>Include distance to reach the sub-injurious threshold (currently 150 dB RMS) from the piles during impact pile driving.</w:t>
      </w:r>
    </w:p>
    <w:p w14:paraId="418EE5BC" w14:textId="16A8AC3E" w:rsidR="00E32A7D" w:rsidRDefault="00012EF0" w:rsidP="00DA59E5">
      <w:pPr>
        <w:ind w:left="720" w:hanging="720"/>
        <w:contextualSpacing/>
      </w:pPr>
      <w:r>
        <w:fldChar w:fldCharType="begin">
          <w:ffData>
            <w:name w:val="Check56"/>
            <w:enabled/>
            <w:calcOnExit w:val="0"/>
            <w:checkBox>
              <w:sizeAuto/>
              <w:default w:val="0"/>
            </w:checkBox>
          </w:ffData>
        </w:fldChar>
      </w:r>
      <w:bookmarkStart w:id="59" w:name="Check56"/>
      <w:r>
        <w:instrText xml:space="preserve"> FORMCHECKBOX </w:instrText>
      </w:r>
      <w:r w:rsidR="00655F45">
        <w:fldChar w:fldCharType="separate"/>
      </w:r>
      <w:r>
        <w:fldChar w:fldCharType="end"/>
      </w:r>
      <w:bookmarkEnd w:id="59"/>
      <w:r w:rsidR="002B23E5">
        <w:tab/>
      </w:r>
      <w:r w:rsidR="00E32A7D">
        <w:t xml:space="preserve">Effects analysis using the </w:t>
      </w:r>
      <w:r w:rsidR="00E32A7D" w:rsidRPr="00DA59E5">
        <w:t>NMFS Pile Driving Calculator</w:t>
      </w:r>
      <w:r w:rsidR="00DA59E5" w:rsidRPr="00DA59E5">
        <w:t>.</w:t>
      </w:r>
      <w:r w:rsidR="00DA59E5">
        <w:t xml:space="preserve">  Please </w:t>
      </w:r>
      <w:r w:rsidR="00E32A7D">
        <w:t>contact your NMFS Caltrans liaison to verify the latest version of the pile driving calculator.</w:t>
      </w:r>
    </w:p>
    <w:p w14:paraId="221024C8" w14:textId="2A792115" w:rsidR="00E32A7D" w:rsidRPr="009B1D61" w:rsidRDefault="00012EF0" w:rsidP="002B23E5">
      <w:pPr>
        <w:ind w:left="720" w:hanging="720"/>
        <w:contextualSpacing/>
      </w:pPr>
      <w:r>
        <w:fldChar w:fldCharType="begin">
          <w:ffData>
            <w:name w:val="Check57"/>
            <w:enabled/>
            <w:calcOnExit w:val="0"/>
            <w:checkBox>
              <w:sizeAuto/>
              <w:default w:val="0"/>
            </w:checkBox>
          </w:ffData>
        </w:fldChar>
      </w:r>
      <w:bookmarkStart w:id="60" w:name="Check57"/>
      <w:r>
        <w:instrText xml:space="preserve"> FORMCHECKBOX </w:instrText>
      </w:r>
      <w:r w:rsidR="00655F45">
        <w:fldChar w:fldCharType="separate"/>
      </w:r>
      <w:r>
        <w:fldChar w:fldCharType="end"/>
      </w:r>
      <w:bookmarkEnd w:id="60"/>
      <w:r w:rsidR="002B23E5">
        <w:tab/>
      </w:r>
      <w:r w:rsidR="00E32A7D">
        <w:t xml:space="preserve">Sound monitoring and reporting requirement to resource agencies during project construction.  Use the </w:t>
      </w:r>
      <w:hyperlink r:id="rId17" w:tooltip="Guidance Manual on Hydroacoustic Effects of Pile Driving" w:history="1">
        <w:r w:rsidR="008E1E43" w:rsidRPr="008E1E43">
          <w:rPr>
            <w:rStyle w:val="Hyperlink"/>
          </w:rPr>
          <w:t>Technical Guidance for Assessment and Mitigation of the Hydroacoustic Effects of Pile Driving on Fish</w:t>
        </w:r>
      </w:hyperlink>
      <w:r w:rsidR="008E1E43">
        <w:t xml:space="preserve"> (November 2015)</w:t>
      </w:r>
      <w:r w:rsidR="00E32A7D" w:rsidRPr="00DA59E5">
        <w:t>.</w:t>
      </w:r>
    </w:p>
    <w:p w14:paraId="605FCB12" w14:textId="77777777" w:rsidR="00E32A7D" w:rsidRPr="00E32A7D" w:rsidRDefault="00012EF0" w:rsidP="002B23E5">
      <w:pPr>
        <w:ind w:left="720" w:hanging="720"/>
        <w:contextualSpacing/>
      </w:pPr>
      <w:r>
        <w:fldChar w:fldCharType="begin">
          <w:ffData>
            <w:name w:val="Check58"/>
            <w:enabled/>
            <w:calcOnExit w:val="0"/>
            <w:checkBox>
              <w:sizeAuto/>
              <w:default w:val="0"/>
            </w:checkBox>
          </w:ffData>
        </w:fldChar>
      </w:r>
      <w:bookmarkStart w:id="61" w:name="Check58"/>
      <w:r>
        <w:instrText xml:space="preserve"> FORMCHECKBOX </w:instrText>
      </w:r>
      <w:r w:rsidR="00655F45">
        <w:fldChar w:fldCharType="separate"/>
      </w:r>
      <w:r>
        <w:fldChar w:fldCharType="end"/>
      </w:r>
      <w:bookmarkEnd w:id="61"/>
      <w:r w:rsidR="002B23E5">
        <w:tab/>
      </w:r>
      <w:r w:rsidR="00E32A7D">
        <w:t>Methodology for any marine mammal monitoring zones, if applicable.</w:t>
      </w:r>
    </w:p>
    <w:p w14:paraId="55FE5724" w14:textId="77777777" w:rsidR="00566C3B" w:rsidRDefault="00566C3B" w:rsidP="000376F2">
      <w:pPr>
        <w:pStyle w:val="Heading4"/>
      </w:pPr>
      <w:r>
        <w:t>Water Diversions/Coffer Dams</w:t>
      </w:r>
    </w:p>
    <w:p w14:paraId="1961E59C" w14:textId="77777777" w:rsidR="00012EF0" w:rsidRDefault="00012EF0" w:rsidP="002B23E5">
      <w:pPr>
        <w:ind w:left="720" w:hanging="720"/>
        <w:contextualSpacing/>
      </w:pPr>
      <w:r>
        <w:fldChar w:fldCharType="begin">
          <w:ffData>
            <w:name w:val="Check59"/>
            <w:enabled/>
            <w:calcOnExit w:val="0"/>
            <w:checkBox>
              <w:sizeAuto/>
              <w:default w:val="0"/>
            </w:checkBox>
          </w:ffData>
        </w:fldChar>
      </w:r>
      <w:bookmarkStart w:id="62" w:name="Check59"/>
      <w:r>
        <w:instrText xml:space="preserve"> FORMCHECKBOX </w:instrText>
      </w:r>
      <w:r w:rsidR="00655F45">
        <w:fldChar w:fldCharType="separate"/>
      </w:r>
      <w:r>
        <w:fldChar w:fldCharType="end"/>
      </w:r>
      <w:bookmarkEnd w:id="62"/>
      <w:r w:rsidR="002B23E5">
        <w:tab/>
      </w:r>
      <w:r>
        <w:t>Description of diversion controls and de-watering actions (location, timing, and duration).</w:t>
      </w:r>
    </w:p>
    <w:p w14:paraId="5BB249DE" w14:textId="77777777" w:rsidR="00012EF0" w:rsidRDefault="00012EF0" w:rsidP="002B23E5">
      <w:pPr>
        <w:ind w:left="720" w:hanging="720"/>
        <w:contextualSpacing/>
      </w:pPr>
      <w:r>
        <w:fldChar w:fldCharType="begin">
          <w:ffData>
            <w:name w:val="Check60"/>
            <w:enabled/>
            <w:calcOnExit w:val="0"/>
            <w:checkBox>
              <w:sizeAuto/>
              <w:default w:val="0"/>
            </w:checkBox>
          </w:ffData>
        </w:fldChar>
      </w:r>
      <w:bookmarkStart w:id="63" w:name="Check60"/>
      <w:r>
        <w:instrText xml:space="preserve"> FORMCHECKBOX </w:instrText>
      </w:r>
      <w:r w:rsidR="00655F45">
        <w:fldChar w:fldCharType="separate"/>
      </w:r>
      <w:r>
        <w:fldChar w:fldCharType="end"/>
      </w:r>
      <w:bookmarkEnd w:id="63"/>
      <w:r w:rsidR="002B23E5">
        <w:tab/>
      </w:r>
      <w:r>
        <w:t>If coffer dams are proposed, include in the BA the dates they will be in place (e.g., years, months, or days) and the area they will occupy.</w:t>
      </w:r>
    </w:p>
    <w:p w14:paraId="61C8AC54" w14:textId="77777777" w:rsidR="00012EF0" w:rsidRDefault="00012EF0" w:rsidP="002B23E5">
      <w:pPr>
        <w:ind w:left="720" w:hanging="720"/>
        <w:contextualSpacing/>
      </w:pPr>
      <w:r>
        <w:fldChar w:fldCharType="begin">
          <w:ffData>
            <w:name w:val="Check61"/>
            <w:enabled/>
            <w:calcOnExit w:val="0"/>
            <w:checkBox>
              <w:sizeAuto/>
              <w:default w:val="0"/>
            </w:checkBox>
          </w:ffData>
        </w:fldChar>
      </w:r>
      <w:bookmarkStart w:id="64" w:name="Check61"/>
      <w:r>
        <w:instrText xml:space="preserve"> FORMCHECKBOX </w:instrText>
      </w:r>
      <w:r w:rsidR="00655F45">
        <w:fldChar w:fldCharType="separate"/>
      </w:r>
      <w:r>
        <w:fldChar w:fldCharType="end"/>
      </w:r>
      <w:bookmarkEnd w:id="64"/>
      <w:r w:rsidR="002B23E5">
        <w:tab/>
      </w:r>
      <w:r>
        <w:t>Complete description of the total area to be dewatered.</w:t>
      </w:r>
    </w:p>
    <w:p w14:paraId="6A87F4D2" w14:textId="77777777" w:rsidR="00012EF0" w:rsidRPr="00012EF0" w:rsidRDefault="00012EF0" w:rsidP="002B23E5">
      <w:pPr>
        <w:ind w:left="720" w:hanging="720"/>
        <w:contextualSpacing/>
      </w:pPr>
      <w:r>
        <w:fldChar w:fldCharType="begin">
          <w:ffData>
            <w:name w:val="Check62"/>
            <w:enabled/>
            <w:calcOnExit w:val="0"/>
            <w:checkBox>
              <w:sizeAuto/>
              <w:default w:val="0"/>
            </w:checkBox>
          </w:ffData>
        </w:fldChar>
      </w:r>
      <w:bookmarkStart w:id="65" w:name="Check62"/>
      <w:r>
        <w:instrText xml:space="preserve"> FORMCHECKBOX </w:instrText>
      </w:r>
      <w:r w:rsidR="00655F45">
        <w:fldChar w:fldCharType="separate"/>
      </w:r>
      <w:r>
        <w:fldChar w:fldCharType="end"/>
      </w:r>
      <w:bookmarkEnd w:id="65"/>
      <w:r w:rsidR="002B23E5">
        <w:tab/>
      </w:r>
      <w:r>
        <w:t>Measures to keep fish/wildlife out of de-watering devices (i.e., prevent fish/wildlife entrapment), if applicable.</w:t>
      </w:r>
    </w:p>
    <w:p w14:paraId="7CC8021D" w14:textId="77777777" w:rsidR="00566C3B" w:rsidRDefault="00566C3B" w:rsidP="000376F2">
      <w:pPr>
        <w:pStyle w:val="Heading4"/>
      </w:pPr>
      <w:r>
        <w:t>Fish Relocations</w:t>
      </w:r>
    </w:p>
    <w:p w14:paraId="20060CF8" w14:textId="77777777" w:rsidR="00012EF0" w:rsidRDefault="00012EF0" w:rsidP="002B23E5">
      <w:pPr>
        <w:ind w:left="720" w:hanging="720"/>
        <w:contextualSpacing/>
      </w:pPr>
      <w:r>
        <w:fldChar w:fldCharType="begin">
          <w:ffData>
            <w:name w:val="Check63"/>
            <w:enabled/>
            <w:calcOnExit w:val="0"/>
            <w:checkBox>
              <w:sizeAuto/>
              <w:default w:val="0"/>
            </w:checkBox>
          </w:ffData>
        </w:fldChar>
      </w:r>
      <w:bookmarkStart w:id="66" w:name="Check63"/>
      <w:r>
        <w:instrText xml:space="preserve"> FORMCHECKBOX </w:instrText>
      </w:r>
      <w:r w:rsidR="00655F45">
        <w:fldChar w:fldCharType="separate"/>
      </w:r>
      <w:r>
        <w:fldChar w:fldCharType="end"/>
      </w:r>
      <w:bookmarkEnd w:id="66"/>
      <w:r w:rsidR="002B23E5">
        <w:tab/>
      </w:r>
      <w:r>
        <w:t>Installation of water diversions and coffer dams in anadromous fish habitat may entrap or entrain listed fish.  If this effect is anticipated, develop a NMFS approved fish relocation plan.</w:t>
      </w:r>
    </w:p>
    <w:p w14:paraId="232C5871" w14:textId="77777777" w:rsidR="00012EF0" w:rsidRPr="00012EF0" w:rsidRDefault="00012EF0" w:rsidP="002B23E5">
      <w:pPr>
        <w:ind w:left="720" w:hanging="720"/>
        <w:contextualSpacing/>
      </w:pPr>
      <w:r>
        <w:fldChar w:fldCharType="begin">
          <w:ffData>
            <w:name w:val="Check64"/>
            <w:enabled/>
            <w:calcOnExit w:val="0"/>
            <w:checkBox>
              <w:sizeAuto/>
              <w:default w:val="0"/>
            </w:checkBox>
          </w:ffData>
        </w:fldChar>
      </w:r>
      <w:bookmarkStart w:id="67" w:name="Check64"/>
      <w:r>
        <w:instrText xml:space="preserve"> FORMCHECKBOX </w:instrText>
      </w:r>
      <w:r w:rsidR="00655F45">
        <w:fldChar w:fldCharType="separate"/>
      </w:r>
      <w:r>
        <w:fldChar w:fldCharType="end"/>
      </w:r>
      <w:bookmarkEnd w:id="67"/>
      <w:r w:rsidR="002B23E5">
        <w:tab/>
      </w:r>
      <w:r>
        <w:t>A fish relocation plan should include a description of any anticipated fish relocation activities, including the number, frequency, and environmental or construction conditions that may trigger the need for fish relocation actions.</w:t>
      </w:r>
    </w:p>
    <w:p w14:paraId="7749B26D" w14:textId="77777777" w:rsidR="00566C3B" w:rsidRDefault="00566C3B" w:rsidP="000376F2">
      <w:pPr>
        <w:pStyle w:val="Heading4"/>
      </w:pPr>
      <w:r>
        <w:t>Sedimentation/Erosion Control/Turbidity</w:t>
      </w:r>
    </w:p>
    <w:p w14:paraId="614EF575" w14:textId="77777777" w:rsidR="00012EF0" w:rsidRDefault="00012EF0" w:rsidP="002B23E5">
      <w:pPr>
        <w:ind w:left="720" w:hanging="720"/>
        <w:contextualSpacing/>
      </w:pPr>
      <w:r>
        <w:fldChar w:fldCharType="begin">
          <w:ffData>
            <w:name w:val="Check65"/>
            <w:enabled/>
            <w:calcOnExit w:val="0"/>
            <w:checkBox>
              <w:sizeAuto/>
              <w:default w:val="0"/>
            </w:checkBox>
          </w:ffData>
        </w:fldChar>
      </w:r>
      <w:bookmarkStart w:id="68" w:name="Check65"/>
      <w:r>
        <w:instrText xml:space="preserve"> FORMCHECKBOX </w:instrText>
      </w:r>
      <w:r w:rsidR="00655F45">
        <w:fldChar w:fldCharType="separate"/>
      </w:r>
      <w:r>
        <w:fldChar w:fldCharType="end"/>
      </w:r>
      <w:bookmarkEnd w:id="68"/>
      <w:r w:rsidR="002B23E5">
        <w:tab/>
      </w:r>
      <w:r>
        <w:t>Sediment/turbidity reduction best management practices (BMPs) and turbidity monitoring and reporting.</w:t>
      </w:r>
    </w:p>
    <w:p w14:paraId="2D2B7F11" w14:textId="77777777" w:rsidR="00012EF0" w:rsidRDefault="00012EF0" w:rsidP="002B23E5">
      <w:pPr>
        <w:ind w:left="720" w:hanging="720"/>
        <w:contextualSpacing/>
      </w:pPr>
      <w:r>
        <w:fldChar w:fldCharType="begin">
          <w:ffData>
            <w:name w:val="Check66"/>
            <w:enabled/>
            <w:calcOnExit w:val="0"/>
            <w:checkBox>
              <w:sizeAuto/>
              <w:default w:val="0"/>
            </w:checkBox>
          </w:ffData>
        </w:fldChar>
      </w:r>
      <w:bookmarkStart w:id="69" w:name="Check66"/>
      <w:r>
        <w:instrText xml:space="preserve"> FORMCHECKBOX </w:instrText>
      </w:r>
      <w:r w:rsidR="00655F45">
        <w:fldChar w:fldCharType="separate"/>
      </w:r>
      <w:r>
        <w:fldChar w:fldCharType="end"/>
      </w:r>
      <w:bookmarkEnd w:id="69"/>
      <w:r w:rsidR="002B23E5">
        <w:tab/>
      </w:r>
      <w:r>
        <w:t>If water will be pumped to a settling pond/tank, a description of how water will be tested prior to returning it to the source river or stream.</w:t>
      </w:r>
    </w:p>
    <w:p w14:paraId="78B688C9" w14:textId="77777777" w:rsidR="00012EF0" w:rsidRPr="00012EF0" w:rsidRDefault="00012EF0" w:rsidP="002B23E5">
      <w:pPr>
        <w:ind w:left="720" w:hanging="720"/>
        <w:contextualSpacing/>
      </w:pPr>
      <w:r>
        <w:lastRenderedPageBreak/>
        <w:fldChar w:fldCharType="begin">
          <w:ffData>
            <w:name w:val="Check67"/>
            <w:enabled/>
            <w:calcOnExit w:val="0"/>
            <w:checkBox>
              <w:sizeAuto/>
              <w:default w:val="0"/>
            </w:checkBox>
          </w:ffData>
        </w:fldChar>
      </w:r>
      <w:bookmarkStart w:id="70" w:name="Check67"/>
      <w:r>
        <w:instrText xml:space="preserve"> FORMCHECKBOX </w:instrText>
      </w:r>
      <w:r w:rsidR="00655F45">
        <w:fldChar w:fldCharType="separate"/>
      </w:r>
      <w:r>
        <w:fldChar w:fldCharType="end"/>
      </w:r>
      <w:bookmarkEnd w:id="70"/>
      <w:r w:rsidR="002B23E5">
        <w:tab/>
      </w:r>
      <w:r>
        <w:t>If sediment or structure removal is proposed, quantify the volume of material to be removed below the OHWM.</w:t>
      </w:r>
    </w:p>
    <w:p w14:paraId="0DAA9084" w14:textId="77777777" w:rsidR="00566C3B" w:rsidRPr="009B1D61" w:rsidRDefault="00566C3B" w:rsidP="000376F2">
      <w:pPr>
        <w:pStyle w:val="Heading4"/>
      </w:pPr>
      <w:r w:rsidRPr="009B1D61">
        <w:t>Culverts/Bridges</w:t>
      </w:r>
    </w:p>
    <w:p w14:paraId="6376D76A" w14:textId="77777777" w:rsidR="009B1D61" w:rsidRPr="008E1E43" w:rsidRDefault="009B1D61" w:rsidP="009B1D61">
      <w:pPr>
        <w:ind w:left="720" w:hanging="720"/>
        <w:contextualSpacing/>
      </w:pPr>
      <w:r w:rsidRPr="009B1D61">
        <w:fldChar w:fldCharType="begin">
          <w:ffData>
            <w:name w:val="Check116"/>
            <w:enabled/>
            <w:calcOnExit w:val="0"/>
            <w:checkBox>
              <w:sizeAuto/>
              <w:default w:val="0"/>
            </w:checkBox>
          </w:ffData>
        </w:fldChar>
      </w:r>
      <w:bookmarkStart w:id="71" w:name="Check116"/>
      <w:r w:rsidRPr="009B1D61">
        <w:instrText xml:space="preserve"> FORMCHECKBOX </w:instrText>
      </w:r>
      <w:r w:rsidR="00655F45">
        <w:fldChar w:fldCharType="separate"/>
      </w:r>
      <w:r w:rsidRPr="009B1D61">
        <w:fldChar w:fldCharType="end"/>
      </w:r>
      <w:bookmarkEnd w:id="71"/>
      <w:r w:rsidRPr="009B1D61">
        <w:tab/>
      </w:r>
      <w:r w:rsidRPr="008E1E43">
        <w:t>Size and locations of existing culverts and other crossings.</w:t>
      </w:r>
    </w:p>
    <w:p w14:paraId="6132F7F0" w14:textId="77777777" w:rsidR="009B1D61" w:rsidRPr="008E1E43" w:rsidRDefault="009B1D61" w:rsidP="009B1D61">
      <w:pPr>
        <w:ind w:left="720" w:hanging="720"/>
        <w:contextualSpacing/>
      </w:pPr>
      <w:r w:rsidRPr="008E1E43">
        <w:fldChar w:fldCharType="begin">
          <w:ffData>
            <w:name w:val="Check117"/>
            <w:enabled/>
            <w:calcOnExit w:val="0"/>
            <w:checkBox>
              <w:sizeAuto/>
              <w:default w:val="0"/>
            </w:checkBox>
          </w:ffData>
        </w:fldChar>
      </w:r>
      <w:bookmarkStart w:id="72" w:name="Check117"/>
      <w:r w:rsidRPr="008E1E43">
        <w:instrText xml:space="preserve"> FORMCHECKBOX </w:instrText>
      </w:r>
      <w:r w:rsidR="00655F45">
        <w:fldChar w:fldCharType="separate"/>
      </w:r>
      <w:r w:rsidRPr="008E1E43">
        <w:fldChar w:fldCharType="end"/>
      </w:r>
      <w:bookmarkEnd w:id="72"/>
      <w:r w:rsidRPr="008E1E43">
        <w:tab/>
        <w:t>Engineering drawings of stream crossings.</w:t>
      </w:r>
    </w:p>
    <w:p w14:paraId="7B5EAABE" w14:textId="77777777" w:rsidR="009B1D61" w:rsidRPr="008E1E43" w:rsidRDefault="009B1D61" w:rsidP="009B1D61">
      <w:pPr>
        <w:ind w:left="720" w:hanging="720"/>
        <w:contextualSpacing/>
      </w:pPr>
      <w:r w:rsidRPr="008E1E43">
        <w:fldChar w:fldCharType="begin">
          <w:ffData>
            <w:name w:val="Check118"/>
            <w:enabled/>
            <w:calcOnExit w:val="0"/>
            <w:checkBox>
              <w:sizeAuto/>
              <w:default w:val="0"/>
            </w:checkBox>
          </w:ffData>
        </w:fldChar>
      </w:r>
      <w:bookmarkStart w:id="73" w:name="Check118"/>
      <w:r w:rsidRPr="008E1E43">
        <w:instrText xml:space="preserve"> FORMCHECKBOX </w:instrText>
      </w:r>
      <w:r w:rsidR="00655F45">
        <w:fldChar w:fldCharType="separate"/>
      </w:r>
      <w:r w:rsidRPr="008E1E43">
        <w:fldChar w:fldCharType="end"/>
      </w:r>
      <w:bookmarkEnd w:id="73"/>
      <w:r w:rsidRPr="008E1E43">
        <w:tab/>
        <w:t>Design plans with cross-sections of culverts, bridges, and grade control structures.</w:t>
      </w:r>
    </w:p>
    <w:p w14:paraId="79C94530" w14:textId="77777777" w:rsidR="009B1D61" w:rsidRPr="008E1E43" w:rsidRDefault="009B1D61" w:rsidP="009B1D61">
      <w:pPr>
        <w:ind w:left="720" w:hanging="720"/>
        <w:contextualSpacing/>
      </w:pPr>
      <w:r w:rsidRPr="008E1E43">
        <w:fldChar w:fldCharType="begin">
          <w:ffData>
            <w:name w:val="Check119"/>
            <w:enabled/>
            <w:calcOnExit w:val="0"/>
            <w:checkBox>
              <w:sizeAuto/>
              <w:default w:val="0"/>
            </w:checkBox>
          </w:ffData>
        </w:fldChar>
      </w:r>
      <w:bookmarkStart w:id="74" w:name="Check119"/>
      <w:r w:rsidRPr="008E1E43">
        <w:instrText xml:space="preserve"> FORMCHECKBOX </w:instrText>
      </w:r>
      <w:r w:rsidR="00655F45">
        <w:fldChar w:fldCharType="separate"/>
      </w:r>
      <w:r w:rsidRPr="008E1E43">
        <w:fldChar w:fldCharType="end"/>
      </w:r>
      <w:bookmarkEnd w:id="74"/>
      <w:r w:rsidRPr="008E1E43">
        <w:tab/>
        <w:t>Fish passage analysis:</w:t>
      </w:r>
    </w:p>
    <w:p w14:paraId="34E17D89" w14:textId="0B24BA74" w:rsidR="008E1E43" w:rsidRDefault="008E1E43" w:rsidP="009B1D61">
      <w:pPr>
        <w:pStyle w:val="Normalbullettext"/>
      </w:pPr>
      <w:r w:rsidRPr="008E1E43">
        <w:t xml:space="preserve">For projects that may affect fish passage, describe how the proposed project will meet the criteria of a stream simulation or hydraulic design.  NMFS fish passage criteria are described in the </w:t>
      </w:r>
      <w:hyperlink r:id="rId18" w:tooltip="NMFS Guidelines for Fish Passage at Stream Crossings" w:history="1">
        <w:r w:rsidRPr="008E1E43">
          <w:rPr>
            <w:rStyle w:val="Hyperlink"/>
          </w:rPr>
          <w:t>NMFS Guidelines for Fish Passage at Stream Crossings</w:t>
        </w:r>
      </w:hyperlink>
      <w:r>
        <w:t>.</w:t>
      </w:r>
    </w:p>
    <w:p w14:paraId="2268E2F3" w14:textId="03F6FA00" w:rsidR="009B1D61" w:rsidRPr="009B1D61" w:rsidRDefault="009B1D61" w:rsidP="009B1D61">
      <w:pPr>
        <w:pStyle w:val="Normalbullettext"/>
      </w:pPr>
      <w:r w:rsidRPr="009B1D61">
        <w:t>The included analysis should evaluate the existing and proposed ultimate channel conditions within the action area and vicinity.  Types of analysis used to assess fish passage conditions include hydraulic, geomorphic, and sediment and debris transport.</w:t>
      </w:r>
    </w:p>
    <w:p w14:paraId="2CD73E93" w14:textId="77777777" w:rsidR="009B1D61" w:rsidRPr="009B1D61" w:rsidRDefault="009B1D61" w:rsidP="009B1D61">
      <w:pPr>
        <w:pStyle w:val="Normalbullettext"/>
      </w:pPr>
      <w:r w:rsidRPr="009B1D61">
        <w:t>Early coordination with NMFS biologists and engineering staff to review fish passage projects is recommended.</w:t>
      </w:r>
    </w:p>
    <w:p w14:paraId="58884D04" w14:textId="77777777" w:rsidR="00566C3B" w:rsidRDefault="00566C3B" w:rsidP="000376F2">
      <w:pPr>
        <w:pStyle w:val="Heading4"/>
      </w:pPr>
      <w:r>
        <w:t>Rock Slope Protection</w:t>
      </w:r>
    </w:p>
    <w:p w14:paraId="7FFF7475" w14:textId="77777777" w:rsidR="00012EF0" w:rsidRDefault="00012EF0" w:rsidP="002B23E5">
      <w:pPr>
        <w:ind w:left="720" w:hanging="720"/>
        <w:contextualSpacing/>
      </w:pPr>
      <w:r>
        <w:fldChar w:fldCharType="begin">
          <w:ffData>
            <w:name w:val="Check68"/>
            <w:enabled/>
            <w:calcOnExit w:val="0"/>
            <w:checkBox>
              <w:sizeAuto/>
              <w:default w:val="0"/>
            </w:checkBox>
          </w:ffData>
        </w:fldChar>
      </w:r>
      <w:bookmarkStart w:id="75" w:name="Check68"/>
      <w:r>
        <w:instrText xml:space="preserve"> FORMCHECKBOX </w:instrText>
      </w:r>
      <w:r w:rsidR="00655F45">
        <w:fldChar w:fldCharType="separate"/>
      </w:r>
      <w:r>
        <w:fldChar w:fldCharType="end"/>
      </w:r>
      <w:bookmarkEnd w:id="75"/>
      <w:r w:rsidR="002B23E5">
        <w:tab/>
      </w:r>
      <w:r>
        <w:t>Volume and area of temporary and permanent rock slope protection or other fill to be placed below the OHWM:</w:t>
      </w:r>
    </w:p>
    <w:p w14:paraId="06239CD3" w14:textId="77777777" w:rsidR="00012EF0" w:rsidRDefault="00012EF0" w:rsidP="002B23E5">
      <w:pPr>
        <w:pStyle w:val="Normalbullettext"/>
      </w:pPr>
      <w:r>
        <w:t>Total volume of fill for the project.  This includes both above and below the</w:t>
      </w:r>
    </w:p>
    <w:p w14:paraId="1F4408EC" w14:textId="77777777" w:rsidR="00012EF0" w:rsidRDefault="00012EF0" w:rsidP="002B23E5">
      <w:pPr>
        <w:pStyle w:val="Normalbullettext"/>
      </w:pPr>
      <w:r>
        <w:t>OHWM (or mean low or mean high in tidal/marsh areas).</w:t>
      </w:r>
    </w:p>
    <w:p w14:paraId="1016F70A" w14:textId="77777777" w:rsidR="00012EF0" w:rsidRDefault="00012EF0" w:rsidP="002B23E5">
      <w:pPr>
        <w:pStyle w:val="Normalbullettext"/>
      </w:pPr>
      <w:r>
        <w:t>Describe the amount and extent of fill along and adjacent to streambanks and shorelines.</w:t>
      </w:r>
    </w:p>
    <w:p w14:paraId="5C10020A" w14:textId="77777777" w:rsidR="00012EF0" w:rsidRPr="00012EF0" w:rsidRDefault="00012EF0" w:rsidP="002B23E5">
      <w:pPr>
        <w:pStyle w:val="Normalbullettext"/>
      </w:pPr>
      <w:r>
        <w:t>Size and type of material.</w:t>
      </w:r>
    </w:p>
    <w:p w14:paraId="6D2B1771" w14:textId="77777777" w:rsidR="00566C3B" w:rsidRDefault="00566C3B" w:rsidP="001950A0">
      <w:pPr>
        <w:pStyle w:val="Heading3"/>
      </w:pPr>
      <w:r>
        <w:t>Project Operations and Maintenance</w:t>
      </w:r>
    </w:p>
    <w:p w14:paraId="292F33C7" w14:textId="77777777" w:rsidR="00012EF0" w:rsidRDefault="00012EF0" w:rsidP="002B23E5">
      <w:pPr>
        <w:ind w:left="720" w:hanging="720"/>
        <w:contextualSpacing/>
      </w:pPr>
      <w:r>
        <w:fldChar w:fldCharType="begin">
          <w:ffData>
            <w:name w:val="Check69"/>
            <w:enabled/>
            <w:calcOnExit w:val="0"/>
            <w:checkBox>
              <w:sizeAuto/>
              <w:default w:val="0"/>
            </w:checkBox>
          </w:ffData>
        </w:fldChar>
      </w:r>
      <w:bookmarkStart w:id="76" w:name="Check69"/>
      <w:r>
        <w:instrText xml:space="preserve"> FORMCHECKBOX </w:instrText>
      </w:r>
      <w:r w:rsidR="00655F45">
        <w:fldChar w:fldCharType="separate"/>
      </w:r>
      <w:r>
        <w:fldChar w:fldCharType="end"/>
      </w:r>
      <w:bookmarkEnd w:id="76"/>
      <w:r w:rsidR="002B23E5">
        <w:tab/>
      </w:r>
      <w:r>
        <w:t>Description of the completed project’s operation.</w:t>
      </w:r>
    </w:p>
    <w:p w14:paraId="12E21829" w14:textId="77777777" w:rsidR="00012EF0" w:rsidRPr="00012EF0" w:rsidRDefault="00012EF0" w:rsidP="002B23E5">
      <w:pPr>
        <w:ind w:left="720" w:hanging="720"/>
        <w:contextualSpacing/>
      </w:pPr>
      <w:r>
        <w:fldChar w:fldCharType="begin">
          <w:ffData>
            <w:name w:val="Check70"/>
            <w:enabled/>
            <w:calcOnExit w:val="0"/>
            <w:checkBox>
              <w:sizeAuto/>
              <w:default w:val="0"/>
            </w:checkBox>
          </w:ffData>
        </w:fldChar>
      </w:r>
      <w:bookmarkStart w:id="77" w:name="Check70"/>
      <w:r>
        <w:instrText xml:space="preserve"> FORMCHECKBOX </w:instrText>
      </w:r>
      <w:r w:rsidR="00655F45">
        <w:fldChar w:fldCharType="separate"/>
      </w:r>
      <w:r>
        <w:fldChar w:fldCharType="end"/>
      </w:r>
      <w:bookmarkEnd w:id="77"/>
      <w:r w:rsidR="002B23E5">
        <w:tab/>
      </w:r>
      <w:r>
        <w:t>Describe how the facility will be maintained, including maintenance of restored areas or fish passage structures.</w:t>
      </w:r>
    </w:p>
    <w:p w14:paraId="06C59F96" w14:textId="77777777" w:rsidR="00566C3B" w:rsidRDefault="00566C3B" w:rsidP="001950A0">
      <w:pPr>
        <w:pStyle w:val="Heading3"/>
      </w:pPr>
      <w:r>
        <w:t>Construction Sequencing and Schedule</w:t>
      </w:r>
    </w:p>
    <w:p w14:paraId="6687E3EE" w14:textId="77777777" w:rsidR="00012EF0" w:rsidRDefault="00012EF0" w:rsidP="002B23E5">
      <w:pPr>
        <w:ind w:left="720" w:hanging="720"/>
        <w:contextualSpacing/>
      </w:pPr>
      <w:r>
        <w:fldChar w:fldCharType="begin">
          <w:ffData>
            <w:name w:val="Check71"/>
            <w:enabled/>
            <w:calcOnExit w:val="0"/>
            <w:checkBox>
              <w:sizeAuto/>
              <w:default w:val="0"/>
            </w:checkBox>
          </w:ffData>
        </w:fldChar>
      </w:r>
      <w:bookmarkStart w:id="78" w:name="Check71"/>
      <w:r>
        <w:instrText xml:space="preserve"> FORMCHECKBOX </w:instrText>
      </w:r>
      <w:r w:rsidR="00655F45">
        <w:fldChar w:fldCharType="separate"/>
      </w:r>
      <w:r>
        <w:fldChar w:fldCharType="end"/>
      </w:r>
      <w:bookmarkEnd w:id="78"/>
      <w:r w:rsidR="002B23E5">
        <w:tab/>
      </w:r>
      <w:r>
        <w:t>Start and end dates, duration, and sequencing of construction.</w:t>
      </w:r>
    </w:p>
    <w:p w14:paraId="06400246" w14:textId="77777777" w:rsidR="00012EF0" w:rsidRDefault="00012EF0" w:rsidP="002B23E5">
      <w:pPr>
        <w:ind w:left="720" w:hanging="720"/>
        <w:contextualSpacing/>
      </w:pPr>
      <w:r>
        <w:fldChar w:fldCharType="begin">
          <w:ffData>
            <w:name w:val="Check72"/>
            <w:enabled/>
            <w:calcOnExit w:val="0"/>
            <w:checkBox>
              <w:sizeAuto/>
              <w:default w:val="0"/>
            </w:checkBox>
          </w:ffData>
        </w:fldChar>
      </w:r>
      <w:bookmarkStart w:id="79" w:name="Check72"/>
      <w:r>
        <w:instrText xml:space="preserve"> FORMCHECKBOX </w:instrText>
      </w:r>
      <w:r w:rsidR="00655F45">
        <w:fldChar w:fldCharType="separate"/>
      </w:r>
      <w:r>
        <w:fldChar w:fldCharType="end"/>
      </w:r>
      <w:bookmarkEnd w:id="79"/>
      <w:r w:rsidR="002B23E5">
        <w:tab/>
      </w:r>
      <w:r>
        <w:t>Number of days of construction.</w:t>
      </w:r>
    </w:p>
    <w:p w14:paraId="60A3DE9E" w14:textId="77777777" w:rsidR="00012EF0" w:rsidRDefault="00012EF0" w:rsidP="002B23E5">
      <w:pPr>
        <w:ind w:left="720" w:hanging="720"/>
        <w:contextualSpacing/>
      </w:pPr>
      <w:r>
        <w:fldChar w:fldCharType="begin">
          <w:ffData>
            <w:name w:val="Check73"/>
            <w:enabled/>
            <w:calcOnExit w:val="0"/>
            <w:checkBox>
              <w:sizeAuto/>
              <w:default w:val="0"/>
            </w:checkBox>
          </w:ffData>
        </w:fldChar>
      </w:r>
      <w:bookmarkStart w:id="80" w:name="Check73"/>
      <w:r>
        <w:instrText xml:space="preserve"> FORMCHECKBOX </w:instrText>
      </w:r>
      <w:r w:rsidR="00655F45">
        <w:fldChar w:fldCharType="separate"/>
      </w:r>
      <w:r>
        <w:fldChar w:fldCharType="end"/>
      </w:r>
      <w:bookmarkEnd w:id="80"/>
      <w:r w:rsidR="002B23E5">
        <w:tab/>
      </w:r>
      <w:r>
        <w:t>Number of construction seasons to complete the project.</w:t>
      </w:r>
    </w:p>
    <w:p w14:paraId="09A02D2B" w14:textId="77777777" w:rsidR="00012EF0" w:rsidRDefault="00012EF0" w:rsidP="002B23E5">
      <w:pPr>
        <w:ind w:left="720" w:hanging="720"/>
        <w:contextualSpacing/>
      </w:pPr>
      <w:r>
        <w:fldChar w:fldCharType="begin">
          <w:ffData>
            <w:name w:val="Check74"/>
            <w:enabled/>
            <w:calcOnExit w:val="0"/>
            <w:checkBox>
              <w:sizeAuto/>
              <w:default w:val="0"/>
            </w:checkBox>
          </w:ffData>
        </w:fldChar>
      </w:r>
      <w:bookmarkStart w:id="81" w:name="Check74"/>
      <w:r>
        <w:instrText xml:space="preserve"> FORMCHECKBOX </w:instrText>
      </w:r>
      <w:r w:rsidR="00655F45">
        <w:fldChar w:fldCharType="separate"/>
      </w:r>
      <w:r>
        <w:fldChar w:fldCharType="end"/>
      </w:r>
      <w:bookmarkEnd w:id="81"/>
      <w:r w:rsidR="002B23E5">
        <w:tab/>
      </w:r>
      <w:r>
        <w:t>When describing construction windows, specify in-water versus out-of-water windows/activities.</w:t>
      </w:r>
    </w:p>
    <w:p w14:paraId="60F16EF6" w14:textId="77777777" w:rsidR="00012EF0" w:rsidRPr="00012EF0" w:rsidRDefault="00012EF0" w:rsidP="002B23E5">
      <w:pPr>
        <w:ind w:left="720" w:hanging="720"/>
        <w:contextualSpacing/>
      </w:pPr>
      <w:r>
        <w:lastRenderedPageBreak/>
        <w:fldChar w:fldCharType="begin">
          <w:ffData>
            <w:name w:val="Check75"/>
            <w:enabled/>
            <w:calcOnExit w:val="0"/>
            <w:checkBox>
              <w:sizeAuto/>
              <w:default w:val="0"/>
            </w:checkBox>
          </w:ffData>
        </w:fldChar>
      </w:r>
      <w:bookmarkStart w:id="82" w:name="Check75"/>
      <w:r>
        <w:instrText xml:space="preserve"> FORMCHECKBOX </w:instrText>
      </w:r>
      <w:r w:rsidR="00655F45">
        <w:fldChar w:fldCharType="separate"/>
      </w:r>
      <w:r>
        <w:fldChar w:fldCharType="end"/>
      </w:r>
      <w:bookmarkEnd w:id="82"/>
      <w:r w:rsidR="002B23E5">
        <w:tab/>
      </w:r>
      <w:r>
        <w:t>Describe whether construction will take place during the day, night, or both.</w:t>
      </w:r>
    </w:p>
    <w:p w14:paraId="293AB0E1" w14:textId="77777777" w:rsidR="00566C3B" w:rsidRDefault="00566C3B" w:rsidP="001950A0">
      <w:pPr>
        <w:pStyle w:val="Heading3"/>
      </w:pPr>
      <w:r>
        <w:t>Conservation and Mitigation Plan and Applicable BMPs</w:t>
      </w:r>
    </w:p>
    <w:p w14:paraId="4BA07597" w14:textId="77777777" w:rsidR="00C14425" w:rsidRDefault="00C14425" w:rsidP="002B23E5">
      <w:pPr>
        <w:ind w:left="720" w:hanging="720"/>
        <w:contextualSpacing/>
      </w:pPr>
      <w:r>
        <w:fldChar w:fldCharType="begin">
          <w:ffData>
            <w:name w:val="Check104"/>
            <w:enabled/>
            <w:calcOnExit w:val="0"/>
            <w:checkBox>
              <w:sizeAuto/>
              <w:default w:val="0"/>
            </w:checkBox>
          </w:ffData>
        </w:fldChar>
      </w:r>
      <w:bookmarkStart w:id="83" w:name="Check104"/>
      <w:r>
        <w:instrText xml:space="preserve"> FORMCHECKBOX </w:instrText>
      </w:r>
      <w:r w:rsidR="00655F45">
        <w:fldChar w:fldCharType="separate"/>
      </w:r>
      <w:r>
        <w:fldChar w:fldCharType="end"/>
      </w:r>
      <w:bookmarkEnd w:id="83"/>
      <w:r w:rsidR="002B23E5">
        <w:tab/>
      </w:r>
      <w:r>
        <w:t>Conservation and mitigation practices must be described and analyzed as thoroughly as any other component of a proposed action.</w:t>
      </w:r>
    </w:p>
    <w:p w14:paraId="65CBF121" w14:textId="77777777" w:rsidR="00C14425" w:rsidRDefault="00C14425" w:rsidP="002B23E5">
      <w:pPr>
        <w:ind w:left="720" w:hanging="720"/>
        <w:contextualSpacing/>
      </w:pPr>
      <w:r>
        <w:fldChar w:fldCharType="begin">
          <w:ffData>
            <w:name w:val="Check105"/>
            <w:enabled/>
            <w:calcOnExit w:val="0"/>
            <w:checkBox>
              <w:sizeAuto/>
              <w:default w:val="0"/>
            </w:checkBox>
          </w:ffData>
        </w:fldChar>
      </w:r>
      <w:bookmarkStart w:id="84" w:name="Check105"/>
      <w:r>
        <w:instrText xml:space="preserve"> FORMCHECKBOX </w:instrText>
      </w:r>
      <w:r w:rsidR="00655F45">
        <w:fldChar w:fldCharType="separate"/>
      </w:r>
      <w:r>
        <w:fldChar w:fldCharType="end"/>
      </w:r>
      <w:bookmarkEnd w:id="84"/>
      <w:r w:rsidR="002B23E5">
        <w:tab/>
      </w:r>
      <w:r>
        <w:t>Species and habitat avoidance, minimization, mitigation, and conservation measures are thoroughly described in this section of the BA, even if summarized in other sections.</w:t>
      </w:r>
    </w:p>
    <w:p w14:paraId="5BEE5F92" w14:textId="77777777" w:rsidR="00C14425" w:rsidRDefault="00C14425" w:rsidP="002B23E5">
      <w:pPr>
        <w:ind w:left="720" w:hanging="720"/>
        <w:contextualSpacing/>
      </w:pPr>
      <w:r>
        <w:fldChar w:fldCharType="begin">
          <w:ffData>
            <w:name w:val="Check106"/>
            <w:enabled/>
            <w:calcOnExit w:val="0"/>
            <w:checkBox>
              <w:sizeAuto/>
              <w:default w:val="0"/>
            </w:checkBox>
          </w:ffData>
        </w:fldChar>
      </w:r>
      <w:bookmarkStart w:id="85" w:name="Check106"/>
      <w:r>
        <w:instrText xml:space="preserve"> FORMCHECKBOX </w:instrText>
      </w:r>
      <w:r w:rsidR="00655F45">
        <w:fldChar w:fldCharType="separate"/>
      </w:r>
      <w:r>
        <w:fldChar w:fldCharType="end"/>
      </w:r>
      <w:bookmarkEnd w:id="85"/>
      <w:r w:rsidR="002B23E5">
        <w:tab/>
      </w:r>
      <w:r>
        <w:t>Description of proposed avoidance, minimization, mitigation, and conservation actions:</w:t>
      </w:r>
    </w:p>
    <w:p w14:paraId="62D5430C" w14:textId="77777777" w:rsidR="00C14425" w:rsidRDefault="00C14425" w:rsidP="002B23E5">
      <w:pPr>
        <w:pStyle w:val="Normalbullettext"/>
      </w:pPr>
      <w:r>
        <w:t>In-stream or in-channel work windows.</w:t>
      </w:r>
    </w:p>
    <w:p w14:paraId="2A7A097D" w14:textId="77777777" w:rsidR="00C14425" w:rsidRDefault="00C14425" w:rsidP="002B23E5">
      <w:pPr>
        <w:pStyle w:val="Normalbullettext"/>
      </w:pPr>
      <w:r>
        <w:t>Onsite and offsite mitigation (including re-vegetation plans and conservation bank credits purchase locations, ratios, or amounts).</w:t>
      </w:r>
    </w:p>
    <w:p w14:paraId="26CAC9FE" w14:textId="77777777" w:rsidR="00C14425" w:rsidRDefault="00C14425" w:rsidP="002B23E5">
      <w:pPr>
        <w:pStyle w:val="Normalbullettext"/>
      </w:pPr>
      <w:r>
        <w:t>Fish passage monitoring plan (FPMP).</w:t>
      </w:r>
    </w:p>
    <w:p w14:paraId="4CB3D6FC" w14:textId="77777777" w:rsidR="00C14425" w:rsidRDefault="00C14425" w:rsidP="002B23E5">
      <w:pPr>
        <w:pStyle w:val="Normalbullettext"/>
      </w:pPr>
      <w:r>
        <w:t>Habitat mitigation and monitoring plan (HMMP).</w:t>
      </w:r>
    </w:p>
    <w:p w14:paraId="2A4B66DA" w14:textId="77777777" w:rsidR="00C14425" w:rsidRDefault="00C14425" w:rsidP="002B23E5">
      <w:pPr>
        <w:pStyle w:val="Normalbullettext"/>
      </w:pPr>
      <w:r>
        <w:t>BMPs.</w:t>
      </w:r>
    </w:p>
    <w:p w14:paraId="29B582DA" w14:textId="77777777" w:rsidR="00C14425" w:rsidRDefault="00C14425" w:rsidP="002B23E5">
      <w:pPr>
        <w:pStyle w:val="Normalbullettext"/>
      </w:pPr>
      <w:r>
        <w:t>Monitoring.</w:t>
      </w:r>
    </w:p>
    <w:p w14:paraId="3369ADE0" w14:textId="77777777" w:rsidR="00C14425" w:rsidRDefault="00C14425" w:rsidP="002B23E5">
      <w:pPr>
        <w:ind w:left="630" w:hanging="630"/>
        <w:contextualSpacing/>
      </w:pPr>
      <w:r>
        <w:fldChar w:fldCharType="begin">
          <w:ffData>
            <w:name w:val="Check107"/>
            <w:enabled/>
            <w:calcOnExit w:val="0"/>
            <w:checkBox>
              <w:sizeAuto/>
              <w:default w:val="0"/>
            </w:checkBox>
          </w:ffData>
        </w:fldChar>
      </w:r>
      <w:bookmarkStart w:id="86" w:name="Check107"/>
      <w:r>
        <w:instrText xml:space="preserve"> FORMCHECKBOX </w:instrText>
      </w:r>
      <w:r w:rsidR="00655F45">
        <w:fldChar w:fldCharType="separate"/>
      </w:r>
      <w:r>
        <w:fldChar w:fldCharType="end"/>
      </w:r>
      <w:bookmarkEnd w:id="86"/>
      <w:r w:rsidR="002B23E5">
        <w:tab/>
      </w:r>
      <w:r>
        <w:t>Sediment/turbidity reduction BMPs and turbidity monitoring and reporting.</w:t>
      </w:r>
    </w:p>
    <w:p w14:paraId="78404B8E" w14:textId="77777777" w:rsidR="00C14425" w:rsidRDefault="00C14425" w:rsidP="002B23E5">
      <w:pPr>
        <w:ind w:left="630" w:hanging="630"/>
        <w:contextualSpacing/>
      </w:pPr>
      <w:r>
        <w:fldChar w:fldCharType="begin">
          <w:ffData>
            <w:name w:val="Check108"/>
            <w:enabled/>
            <w:calcOnExit w:val="0"/>
            <w:checkBox>
              <w:sizeAuto/>
              <w:default w:val="0"/>
            </w:checkBox>
          </w:ffData>
        </w:fldChar>
      </w:r>
      <w:bookmarkStart w:id="87" w:name="Check108"/>
      <w:r>
        <w:instrText xml:space="preserve"> FORMCHECKBOX </w:instrText>
      </w:r>
      <w:r w:rsidR="00655F45">
        <w:fldChar w:fldCharType="separate"/>
      </w:r>
      <w:r>
        <w:fldChar w:fldCharType="end"/>
      </w:r>
      <w:bookmarkEnd w:id="87"/>
      <w:r w:rsidR="002B23E5">
        <w:tab/>
      </w:r>
      <w:r>
        <w:t>Storm water pollution prevention plan (SWPPP).</w:t>
      </w:r>
    </w:p>
    <w:p w14:paraId="559F76FA" w14:textId="77777777" w:rsidR="00C14425" w:rsidRDefault="00C14425" w:rsidP="002B23E5">
      <w:pPr>
        <w:ind w:left="630" w:hanging="630"/>
        <w:contextualSpacing/>
      </w:pPr>
      <w:r>
        <w:fldChar w:fldCharType="begin">
          <w:ffData>
            <w:name w:val="Check109"/>
            <w:enabled/>
            <w:calcOnExit w:val="0"/>
            <w:checkBox>
              <w:sizeAuto/>
              <w:default w:val="0"/>
            </w:checkBox>
          </w:ffData>
        </w:fldChar>
      </w:r>
      <w:bookmarkStart w:id="88" w:name="Check109"/>
      <w:r>
        <w:instrText xml:space="preserve"> FORMCHECKBOX </w:instrText>
      </w:r>
      <w:r w:rsidR="00655F45">
        <w:fldChar w:fldCharType="separate"/>
      </w:r>
      <w:r>
        <w:fldChar w:fldCharType="end"/>
      </w:r>
      <w:bookmarkEnd w:id="88"/>
      <w:r w:rsidR="002B23E5">
        <w:tab/>
      </w:r>
      <w:r>
        <w:t>Water pollution quality control plan (WPCP) or (WQCP).</w:t>
      </w:r>
    </w:p>
    <w:p w14:paraId="61A44057" w14:textId="77777777" w:rsidR="00C14425" w:rsidRDefault="00C14425" w:rsidP="002B23E5">
      <w:pPr>
        <w:ind w:left="630" w:hanging="630"/>
        <w:contextualSpacing/>
      </w:pPr>
      <w:r>
        <w:fldChar w:fldCharType="begin">
          <w:ffData>
            <w:name w:val="Check110"/>
            <w:enabled/>
            <w:calcOnExit w:val="0"/>
            <w:checkBox>
              <w:sizeAuto/>
              <w:default w:val="0"/>
            </w:checkBox>
          </w:ffData>
        </w:fldChar>
      </w:r>
      <w:bookmarkStart w:id="89" w:name="Check110"/>
      <w:r>
        <w:instrText xml:space="preserve"> FORMCHECKBOX </w:instrText>
      </w:r>
      <w:r w:rsidR="00655F45">
        <w:fldChar w:fldCharType="separate"/>
      </w:r>
      <w:r>
        <w:fldChar w:fldCharType="end"/>
      </w:r>
      <w:bookmarkEnd w:id="89"/>
      <w:r w:rsidR="002B23E5">
        <w:tab/>
      </w:r>
      <w:r>
        <w:t>Spill prevention control and countermeasure plan (SPCCP).</w:t>
      </w:r>
    </w:p>
    <w:p w14:paraId="75453C8B" w14:textId="77777777" w:rsidR="00C14425" w:rsidRDefault="00C14425" w:rsidP="002B23E5">
      <w:pPr>
        <w:ind w:left="630" w:hanging="630"/>
        <w:contextualSpacing/>
      </w:pPr>
      <w:r>
        <w:fldChar w:fldCharType="begin">
          <w:ffData>
            <w:name w:val="Check111"/>
            <w:enabled/>
            <w:calcOnExit w:val="0"/>
            <w:checkBox>
              <w:sizeAuto/>
              <w:default w:val="0"/>
            </w:checkBox>
          </w:ffData>
        </w:fldChar>
      </w:r>
      <w:bookmarkStart w:id="90" w:name="Check111"/>
      <w:r>
        <w:instrText xml:space="preserve"> FORMCHECKBOX </w:instrText>
      </w:r>
      <w:r w:rsidR="00655F45">
        <w:fldChar w:fldCharType="separate"/>
      </w:r>
      <w:r>
        <w:fldChar w:fldCharType="end"/>
      </w:r>
      <w:bookmarkEnd w:id="90"/>
      <w:r w:rsidR="002B23E5">
        <w:tab/>
      </w:r>
      <w:r>
        <w:t>Description of specific species, life stages, habitat types, and PCEs that will be addressed with proposed conservation measures.</w:t>
      </w:r>
    </w:p>
    <w:p w14:paraId="7C3092C2" w14:textId="4D1A249D" w:rsidR="00C14425" w:rsidRDefault="00C14425" w:rsidP="002B23E5">
      <w:pPr>
        <w:ind w:left="630" w:hanging="630"/>
        <w:contextualSpacing/>
      </w:pPr>
      <w:r>
        <w:fldChar w:fldCharType="begin">
          <w:ffData>
            <w:name w:val="Check112"/>
            <w:enabled/>
            <w:calcOnExit w:val="0"/>
            <w:checkBox>
              <w:sizeAuto/>
              <w:default w:val="0"/>
            </w:checkBox>
          </w:ffData>
        </w:fldChar>
      </w:r>
      <w:bookmarkStart w:id="91" w:name="Check112"/>
      <w:r>
        <w:instrText xml:space="preserve"> FORMCHECKBOX </w:instrText>
      </w:r>
      <w:r w:rsidR="00655F45">
        <w:fldChar w:fldCharType="separate"/>
      </w:r>
      <w:r>
        <w:fldChar w:fldCharType="end"/>
      </w:r>
      <w:bookmarkEnd w:id="91"/>
      <w:r w:rsidR="002B23E5">
        <w:tab/>
      </w:r>
      <w:r>
        <w:t xml:space="preserve">All water pumping or withdrawal from an anadromous waterway should comply with NMFS fish screen criteria to avoid entrainment of fish.  If water pumping is expected, the amount and timing of such withdrawals should be described.  </w:t>
      </w:r>
      <w:hyperlink r:id="rId19" w:tooltip="NMFS Fish Screening Criteria for Anadromous Salmonids" w:history="1">
        <w:r w:rsidR="00DA59E5" w:rsidRPr="00DA59E5">
          <w:rPr>
            <w:rStyle w:val="Hyperlink"/>
          </w:rPr>
          <w:t>NMFS Fish Screening Criteria for Anadromous Salmonids</w:t>
        </w:r>
      </w:hyperlink>
      <w:r w:rsidR="00DA59E5">
        <w:t>.</w:t>
      </w:r>
    </w:p>
    <w:p w14:paraId="6E7B1CD4" w14:textId="77777777" w:rsidR="00C14425" w:rsidRDefault="00C14425" w:rsidP="002B23E5">
      <w:pPr>
        <w:ind w:left="630" w:hanging="630"/>
        <w:contextualSpacing/>
      </w:pPr>
      <w:r>
        <w:fldChar w:fldCharType="begin">
          <w:ffData>
            <w:name w:val="Check113"/>
            <w:enabled/>
            <w:calcOnExit w:val="0"/>
            <w:checkBox>
              <w:sizeAuto/>
              <w:default w:val="0"/>
            </w:checkBox>
          </w:ffData>
        </w:fldChar>
      </w:r>
      <w:bookmarkStart w:id="92" w:name="Check113"/>
      <w:r>
        <w:instrText xml:space="preserve"> FORMCHECKBOX </w:instrText>
      </w:r>
      <w:r w:rsidR="00655F45">
        <w:fldChar w:fldCharType="separate"/>
      </w:r>
      <w:r>
        <w:fldChar w:fldCharType="end"/>
      </w:r>
      <w:bookmarkEnd w:id="92"/>
      <w:r w:rsidR="002B23E5">
        <w:tab/>
      </w:r>
      <w:r>
        <w:t>Operation and maintenance of proposed avoidance, minimization, mitigation, and conservation actions.</w:t>
      </w:r>
    </w:p>
    <w:p w14:paraId="040DD0B4" w14:textId="77777777" w:rsidR="00012EF0" w:rsidRPr="00012EF0" w:rsidRDefault="00C14425" w:rsidP="002B23E5">
      <w:pPr>
        <w:ind w:left="630" w:hanging="630"/>
        <w:contextualSpacing/>
      </w:pPr>
      <w:r>
        <w:fldChar w:fldCharType="begin">
          <w:ffData>
            <w:name w:val="Check114"/>
            <w:enabled/>
            <w:calcOnExit w:val="0"/>
            <w:checkBox>
              <w:sizeAuto/>
              <w:default w:val="0"/>
            </w:checkBox>
          </w:ffData>
        </w:fldChar>
      </w:r>
      <w:bookmarkStart w:id="93" w:name="Check114"/>
      <w:r>
        <w:instrText xml:space="preserve"> FORMCHECKBOX </w:instrText>
      </w:r>
      <w:r w:rsidR="00655F45">
        <w:fldChar w:fldCharType="separate"/>
      </w:r>
      <w:r>
        <w:fldChar w:fldCharType="end"/>
      </w:r>
      <w:bookmarkEnd w:id="93"/>
      <w:r w:rsidR="002B23E5">
        <w:tab/>
      </w:r>
      <w:r>
        <w:t>Success criteria for proposed measures.</w:t>
      </w:r>
    </w:p>
    <w:p w14:paraId="210C3B38" w14:textId="77777777" w:rsidR="00566C3B" w:rsidRDefault="00566C3B" w:rsidP="001950A0">
      <w:pPr>
        <w:pStyle w:val="Heading3"/>
      </w:pPr>
      <w:r>
        <w:t>Interrelated and Interdependent Actions</w:t>
      </w:r>
    </w:p>
    <w:p w14:paraId="6D48A52A" w14:textId="77777777" w:rsidR="00C14425" w:rsidRDefault="00C14425" w:rsidP="002B23E5">
      <w:pPr>
        <w:ind w:left="720" w:hanging="720"/>
      </w:pPr>
      <w:r>
        <w:fldChar w:fldCharType="begin">
          <w:ffData>
            <w:name w:val="Check115"/>
            <w:enabled/>
            <w:calcOnExit w:val="0"/>
            <w:checkBox>
              <w:sizeAuto/>
              <w:default w:val="0"/>
            </w:checkBox>
          </w:ffData>
        </w:fldChar>
      </w:r>
      <w:bookmarkStart w:id="94" w:name="Check115"/>
      <w:r>
        <w:instrText xml:space="preserve"> FORMCHECKBOX </w:instrText>
      </w:r>
      <w:r w:rsidR="00655F45">
        <w:fldChar w:fldCharType="separate"/>
      </w:r>
      <w:r>
        <w:fldChar w:fldCharType="end"/>
      </w:r>
      <w:bookmarkEnd w:id="94"/>
      <w:r w:rsidR="002B23E5">
        <w:tab/>
      </w:r>
      <w:r>
        <w:t>Description of interrelated and interdependent actions that may affect federally listed anadromous fish, their designated critical habitat, or both:</w:t>
      </w:r>
    </w:p>
    <w:p w14:paraId="16F52396" w14:textId="77777777" w:rsidR="00C14425" w:rsidRDefault="00C14425" w:rsidP="002B23E5">
      <w:pPr>
        <w:pStyle w:val="Normalbullettext"/>
      </w:pPr>
      <w:r>
        <w:t>Interrelated actions are those that are part of a larger action and depend upon the larger action for their justification.</w:t>
      </w:r>
    </w:p>
    <w:p w14:paraId="5562F78D" w14:textId="77777777" w:rsidR="00C14425" w:rsidRDefault="00C14425" w:rsidP="002B23E5">
      <w:pPr>
        <w:pStyle w:val="Normalbullettext"/>
      </w:pPr>
      <w:r>
        <w:t>Interdependent actions have no independent utility apart from the action under consideration.</w:t>
      </w:r>
    </w:p>
    <w:p w14:paraId="50BFAFB1" w14:textId="6948EC83" w:rsidR="00C14425" w:rsidRPr="004F6F6D" w:rsidRDefault="00C14425" w:rsidP="002B23E5">
      <w:pPr>
        <w:pStyle w:val="Normalbullettext"/>
      </w:pPr>
      <w:r>
        <w:t xml:space="preserve">For detailed definition of interrelated and interdependent actions please refer to </w:t>
      </w:r>
      <w:r w:rsidR="006F08E3">
        <w:t>the</w:t>
      </w:r>
      <w:r w:rsidR="009477BE">
        <w:t xml:space="preserve"> </w:t>
      </w:r>
      <w:hyperlink r:id="rId20" w:tooltip="Section 7 Endangered Species Act Handbook" w:history="1">
        <w:r w:rsidR="009477BE">
          <w:rPr>
            <w:rStyle w:val="Hyperlink"/>
          </w:rPr>
          <w:t xml:space="preserve">Endangered Species Consultation Handbook:  Procedures for </w:t>
        </w:r>
        <w:r w:rsidR="009477BE">
          <w:rPr>
            <w:rStyle w:val="Hyperlink"/>
          </w:rPr>
          <w:lastRenderedPageBreak/>
          <w:t>Conducting Consultation and Conference Activities Under Section 7 of the Endangered Species Act</w:t>
        </w:r>
      </w:hyperlink>
      <w:r w:rsidR="009477BE">
        <w:t>.</w:t>
      </w:r>
    </w:p>
    <w:p w14:paraId="64C4007A" w14:textId="77777777" w:rsidR="00566C3B" w:rsidRDefault="00566C3B" w:rsidP="001950A0">
      <w:pPr>
        <w:pStyle w:val="Heading3"/>
      </w:pPr>
      <w:r>
        <w:t>Action Area</w:t>
      </w:r>
    </w:p>
    <w:p w14:paraId="4E5326BB" w14:textId="77777777" w:rsidR="00012EF0" w:rsidRDefault="00012EF0" w:rsidP="002B23E5">
      <w:pPr>
        <w:ind w:left="720" w:hanging="720"/>
        <w:contextualSpacing/>
      </w:pPr>
      <w:r>
        <w:fldChar w:fldCharType="begin">
          <w:ffData>
            <w:name w:val="Check76"/>
            <w:enabled/>
            <w:calcOnExit w:val="0"/>
            <w:checkBox>
              <w:sizeAuto/>
              <w:default w:val="0"/>
            </w:checkBox>
          </w:ffData>
        </w:fldChar>
      </w:r>
      <w:bookmarkStart w:id="95" w:name="Check76"/>
      <w:r>
        <w:instrText xml:space="preserve"> FORMCHECKBOX </w:instrText>
      </w:r>
      <w:r w:rsidR="00655F45">
        <w:fldChar w:fldCharType="separate"/>
      </w:r>
      <w:r>
        <w:fldChar w:fldCharType="end"/>
      </w:r>
      <w:bookmarkEnd w:id="95"/>
      <w:r w:rsidR="002B23E5">
        <w:tab/>
      </w:r>
      <w:r>
        <w:t>A description of the specific area that may be affected by the action.  The action area is defined in 50 CFR §402.02 as all areas to be affected directly or indirectly by the Federal action, and not merely the immediate area involved in the action.</w:t>
      </w:r>
    </w:p>
    <w:p w14:paraId="6701A8AD" w14:textId="77777777" w:rsidR="00012EF0" w:rsidRDefault="00012EF0" w:rsidP="002B23E5">
      <w:pPr>
        <w:ind w:left="720" w:hanging="720"/>
        <w:contextualSpacing/>
      </w:pPr>
      <w:r>
        <w:fldChar w:fldCharType="begin">
          <w:ffData>
            <w:name w:val="Check77"/>
            <w:enabled/>
            <w:calcOnExit w:val="0"/>
            <w:checkBox>
              <w:sizeAuto/>
              <w:default w:val="0"/>
            </w:checkBox>
          </w:ffData>
        </w:fldChar>
      </w:r>
      <w:bookmarkStart w:id="96" w:name="Check77"/>
      <w:r>
        <w:instrText xml:space="preserve"> FORMCHECKBOX </w:instrText>
      </w:r>
      <w:r w:rsidR="00655F45">
        <w:fldChar w:fldCharType="separate"/>
      </w:r>
      <w:r>
        <w:fldChar w:fldCharType="end"/>
      </w:r>
      <w:bookmarkEnd w:id="96"/>
      <w:r w:rsidR="002B23E5">
        <w:tab/>
      </w:r>
      <w:r>
        <w:t>Map of action area (if different than the project area).</w:t>
      </w:r>
    </w:p>
    <w:p w14:paraId="45B0DF65" w14:textId="77777777" w:rsidR="00012EF0" w:rsidRPr="00012EF0" w:rsidRDefault="00012EF0" w:rsidP="002B23E5">
      <w:pPr>
        <w:ind w:left="720" w:hanging="720"/>
        <w:contextualSpacing/>
      </w:pPr>
      <w:r>
        <w:fldChar w:fldCharType="begin">
          <w:ffData>
            <w:name w:val="Check78"/>
            <w:enabled/>
            <w:calcOnExit w:val="0"/>
            <w:checkBox>
              <w:sizeAuto/>
              <w:default w:val="0"/>
            </w:checkBox>
          </w:ffData>
        </w:fldChar>
      </w:r>
      <w:bookmarkStart w:id="97" w:name="Check78"/>
      <w:r>
        <w:instrText xml:space="preserve"> FORMCHECKBOX </w:instrText>
      </w:r>
      <w:r w:rsidR="00655F45">
        <w:fldChar w:fldCharType="separate"/>
      </w:r>
      <w:r>
        <w:fldChar w:fldCharType="end"/>
      </w:r>
      <w:bookmarkEnd w:id="97"/>
      <w:r w:rsidR="002B23E5">
        <w:tab/>
      </w:r>
      <w:r>
        <w:t>Note the RM of a waterway and the total area affected upstream and downstream of the project.</w:t>
      </w:r>
    </w:p>
    <w:p w14:paraId="2D770AC5" w14:textId="77777777" w:rsidR="007215AA" w:rsidRDefault="007215AA" w:rsidP="002B23E5">
      <w:pPr>
        <w:pStyle w:val="Heading2"/>
      </w:pPr>
      <w:r>
        <w:t xml:space="preserve"> </w:t>
      </w:r>
      <w:r w:rsidR="00566C3B">
        <w:t>Environmental Baseline:  Status of the Species and Critical Habitat in the Action Area</w:t>
      </w:r>
    </w:p>
    <w:p w14:paraId="4AE502AE" w14:textId="77777777" w:rsidR="00566C3B" w:rsidRDefault="00566C3B" w:rsidP="001950A0">
      <w:pPr>
        <w:pStyle w:val="Heading3"/>
      </w:pPr>
      <w:r>
        <w:t>Status of the Species</w:t>
      </w:r>
    </w:p>
    <w:p w14:paraId="4EA4A241" w14:textId="77777777" w:rsidR="00012EF0" w:rsidRDefault="00012EF0" w:rsidP="002B23E5">
      <w:pPr>
        <w:ind w:left="720" w:hanging="720"/>
        <w:contextualSpacing/>
      </w:pPr>
      <w:r>
        <w:fldChar w:fldCharType="begin">
          <w:ffData>
            <w:name w:val="Check79"/>
            <w:enabled/>
            <w:calcOnExit w:val="0"/>
            <w:checkBox>
              <w:sizeAuto/>
              <w:default w:val="0"/>
            </w:checkBox>
          </w:ffData>
        </w:fldChar>
      </w:r>
      <w:bookmarkStart w:id="98" w:name="Check79"/>
      <w:r>
        <w:instrText xml:space="preserve"> FORMCHECKBOX </w:instrText>
      </w:r>
      <w:r w:rsidR="00655F45">
        <w:fldChar w:fldCharType="separate"/>
      </w:r>
      <w:r>
        <w:fldChar w:fldCharType="end"/>
      </w:r>
      <w:bookmarkEnd w:id="98"/>
      <w:r w:rsidR="002B23E5">
        <w:tab/>
      </w:r>
      <w:r>
        <w:t>Describe any studies that were carried out to support the proposed action.</w:t>
      </w:r>
    </w:p>
    <w:p w14:paraId="1CF177AC" w14:textId="77777777" w:rsidR="00012EF0" w:rsidRDefault="00012EF0" w:rsidP="002B23E5">
      <w:pPr>
        <w:ind w:left="720" w:hanging="720"/>
        <w:contextualSpacing/>
      </w:pPr>
      <w:r>
        <w:fldChar w:fldCharType="begin">
          <w:ffData>
            <w:name w:val="Check80"/>
            <w:enabled/>
            <w:calcOnExit w:val="0"/>
            <w:checkBox>
              <w:sizeAuto/>
              <w:default w:val="0"/>
            </w:checkBox>
          </w:ffData>
        </w:fldChar>
      </w:r>
      <w:bookmarkStart w:id="99" w:name="Check80"/>
      <w:r>
        <w:instrText xml:space="preserve"> FORMCHECKBOX </w:instrText>
      </w:r>
      <w:r w:rsidR="00655F45">
        <w:fldChar w:fldCharType="separate"/>
      </w:r>
      <w:r>
        <w:fldChar w:fldCharType="end"/>
      </w:r>
      <w:bookmarkEnd w:id="99"/>
      <w:r w:rsidR="002B23E5">
        <w:tab/>
      </w:r>
      <w:r>
        <w:t>Identify the federally listed species that may occur in the action area.</w:t>
      </w:r>
    </w:p>
    <w:p w14:paraId="7688D613" w14:textId="77777777" w:rsidR="00012EF0" w:rsidRDefault="00012EF0" w:rsidP="002B23E5">
      <w:pPr>
        <w:ind w:left="720" w:hanging="720"/>
        <w:contextualSpacing/>
      </w:pPr>
      <w:r>
        <w:fldChar w:fldCharType="begin">
          <w:ffData>
            <w:name w:val="Check81"/>
            <w:enabled/>
            <w:calcOnExit w:val="0"/>
            <w:checkBox>
              <w:sizeAuto/>
              <w:default w:val="0"/>
            </w:checkBox>
          </w:ffData>
        </w:fldChar>
      </w:r>
      <w:bookmarkStart w:id="100" w:name="Check81"/>
      <w:r>
        <w:instrText xml:space="preserve"> FORMCHECKBOX </w:instrText>
      </w:r>
      <w:r w:rsidR="00655F45">
        <w:fldChar w:fldCharType="separate"/>
      </w:r>
      <w:r>
        <w:fldChar w:fldCharType="end"/>
      </w:r>
      <w:bookmarkEnd w:id="100"/>
      <w:r w:rsidR="002B23E5">
        <w:tab/>
      </w:r>
      <w:r>
        <w:t>Provide details on the presence, timing, abundance, and site-specific biological requirements of the various life stages of federally listed fish that may be present in the action area.</w:t>
      </w:r>
    </w:p>
    <w:p w14:paraId="7A8999E0" w14:textId="77777777" w:rsidR="00012EF0" w:rsidRDefault="00012EF0" w:rsidP="002B23E5">
      <w:pPr>
        <w:ind w:left="720" w:hanging="720"/>
        <w:contextualSpacing/>
      </w:pPr>
      <w:r>
        <w:fldChar w:fldCharType="begin">
          <w:ffData>
            <w:name w:val="Check82"/>
            <w:enabled/>
            <w:calcOnExit w:val="0"/>
            <w:checkBox>
              <w:sizeAuto/>
              <w:default w:val="0"/>
            </w:checkBox>
          </w:ffData>
        </w:fldChar>
      </w:r>
      <w:bookmarkStart w:id="101" w:name="Check82"/>
      <w:r>
        <w:instrText xml:space="preserve"> FORMCHECKBOX </w:instrText>
      </w:r>
      <w:r w:rsidR="00655F45">
        <w:fldChar w:fldCharType="separate"/>
      </w:r>
      <w:r>
        <w:fldChar w:fldCharType="end"/>
      </w:r>
      <w:bookmarkEnd w:id="101"/>
      <w:r w:rsidR="002B23E5">
        <w:tab/>
      </w:r>
      <w:r>
        <w:t>Describe the hydrologic, geomorphic, or geological conditions that are relevant to listed species and their habitat in the action area.</w:t>
      </w:r>
    </w:p>
    <w:p w14:paraId="0BE113B3" w14:textId="77777777" w:rsidR="00012EF0" w:rsidRDefault="00012EF0" w:rsidP="002B23E5">
      <w:pPr>
        <w:ind w:left="720" w:hanging="720"/>
        <w:contextualSpacing/>
      </w:pPr>
      <w:r>
        <w:fldChar w:fldCharType="begin">
          <w:ffData>
            <w:name w:val="Check83"/>
            <w:enabled/>
            <w:calcOnExit w:val="0"/>
            <w:checkBox>
              <w:sizeAuto/>
              <w:default w:val="0"/>
            </w:checkBox>
          </w:ffData>
        </w:fldChar>
      </w:r>
      <w:bookmarkStart w:id="102" w:name="Check83"/>
      <w:r>
        <w:instrText xml:space="preserve"> FORMCHECKBOX </w:instrText>
      </w:r>
      <w:r w:rsidR="00655F45">
        <w:fldChar w:fldCharType="separate"/>
      </w:r>
      <w:r>
        <w:fldChar w:fldCharType="end"/>
      </w:r>
      <w:bookmarkEnd w:id="102"/>
      <w:r w:rsidR="002B23E5">
        <w:tab/>
      </w:r>
      <w:r>
        <w:t>Summarize factors affecting the species in the action area.</w:t>
      </w:r>
    </w:p>
    <w:p w14:paraId="54BD6E1A" w14:textId="77777777" w:rsidR="00012EF0" w:rsidRPr="00012EF0" w:rsidRDefault="00012EF0" w:rsidP="002B23E5">
      <w:pPr>
        <w:ind w:left="720" w:hanging="720"/>
        <w:contextualSpacing/>
      </w:pPr>
      <w:r>
        <w:fldChar w:fldCharType="begin">
          <w:ffData>
            <w:name w:val="Check84"/>
            <w:enabled/>
            <w:calcOnExit w:val="0"/>
            <w:checkBox>
              <w:sizeAuto/>
              <w:default w:val="0"/>
            </w:checkBox>
          </w:ffData>
        </w:fldChar>
      </w:r>
      <w:bookmarkStart w:id="103" w:name="Check84"/>
      <w:r>
        <w:instrText xml:space="preserve"> FORMCHECKBOX </w:instrText>
      </w:r>
      <w:r w:rsidR="00655F45">
        <w:fldChar w:fldCharType="separate"/>
      </w:r>
      <w:r>
        <w:fldChar w:fldCharType="end"/>
      </w:r>
      <w:bookmarkEnd w:id="103"/>
      <w:r w:rsidR="002B23E5">
        <w:tab/>
      </w:r>
      <w:r>
        <w:t>Describe how the best available scientific and commercial information regarding the status and trends of the species that are present in the action area were used during the preparation of the BA.  Include recent publications, journal articles, agency data, and technical reports that were used and cited.  Include local information relative to the project vicinity, views of recognized experts, and results from recent studies on life history, population dynamics, trends, and distribution.  Reference field notes, unpublished data, research in progress, and other applicable material.  Include population information for the various listed species within the action area.</w:t>
      </w:r>
    </w:p>
    <w:p w14:paraId="0235BE81" w14:textId="77777777" w:rsidR="00566C3B" w:rsidRDefault="00566C3B" w:rsidP="001950A0">
      <w:pPr>
        <w:pStyle w:val="Heading3"/>
      </w:pPr>
      <w:r>
        <w:t>Status of Critical Habitat</w:t>
      </w:r>
    </w:p>
    <w:p w14:paraId="62DA1348" w14:textId="77777777" w:rsidR="00012EF0" w:rsidRDefault="00012EF0" w:rsidP="002B23E5">
      <w:pPr>
        <w:ind w:left="720" w:hanging="720"/>
        <w:contextualSpacing/>
      </w:pPr>
      <w:r>
        <w:fldChar w:fldCharType="begin">
          <w:ffData>
            <w:name w:val="Check85"/>
            <w:enabled/>
            <w:calcOnExit w:val="0"/>
            <w:checkBox>
              <w:sizeAuto/>
              <w:default w:val="0"/>
            </w:checkBox>
          </w:ffData>
        </w:fldChar>
      </w:r>
      <w:bookmarkStart w:id="104" w:name="Check85"/>
      <w:r>
        <w:instrText xml:space="preserve"> FORMCHECKBOX </w:instrText>
      </w:r>
      <w:r w:rsidR="00655F45">
        <w:fldChar w:fldCharType="separate"/>
      </w:r>
      <w:r>
        <w:fldChar w:fldCharType="end"/>
      </w:r>
      <w:bookmarkEnd w:id="104"/>
      <w:r w:rsidR="002B23E5">
        <w:tab/>
      </w:r>
      <w:r>
        <w:t>Identify and describe those PCEs of critical habitat within the action area.</w:t>
      </w:r>
    </w:p>
    <w:p w14:paraId="6322A8BE" w14:textId="77777777" w:rsidR="00012EF0" w:rsidRDefault="00012EF0" w:rsidP="002B23E5">
      <w:pPr>
        <w:ind w:left="720" w:hanging="720"/>
        <w:contextualSpacing/>
      </w:pPr>
      <w:r>
        <w:fldChar w:fldCharType="begin">
          <w:ffData>
            <w:name w:val="Check86"/>
            <w:enabled/>
            <w:calcOnExit w:val="0"/>
            <w:checkBox>
              <w:sizeAuto/>
              <w:default w:val="0"/>
            </w:checkBox>
          </w:ffData>
        </w:fldChar>
      </w:r>
      <w:bookmarkStart w:id="105" w:name="Check86"/>
      <w:r>
        <w:instrText xml:space="preserve"> FORMCHECKBOX </w:instrText>
      </w:r>
      <w:r w:rsidR="00655F45">
        <w:fldChar w:fldCharType="separate"/>
      </w:r>
      <w:r>
        <w:fldChar w:fldCharType="end"/>
      </w:r>
      <w:bookmarkEnd w:id="105"/>
      <w:r w:rsidR="002B23E5">
        <w:tab/>
      </w:r>
      <w:r>
        <w:t>Species-specific PCEs can be found in Federal Register (FR) notices to help support determinations for critical habitat.  Contact your NMFS Caltrans liaison for a list of applicable FR notices.</w:t>
      </w:r>
    </w:p>
    <w:p w14:paraId="43B06DF8" w14:textId="77777777" w:rsidR="00012EF0" w:rsidRDefault="00012EF0" w:rsidP="002B23E5">
      <w:pPr>
        <w:ind w:left="720" w:hanging="720"/>
        <w:contextualSpacing/>
      </w:pPr>
      <w:r>
        <w:fldChar w:fldCharType="begin">
          <w:ffData>
            <w:name w:val="Check87"/>
            <w:enabled/>
            <w:calcOnExit w:val="0"/>
            <w:checkBox>
              <w:sizeAuto/>
              <w:default w:val="0"/>
            </w:checkBox>
          </w:ffData>
        </w:fldChar>
      </w:r>
      <w:bookmarkStart w:id="106" w:name="Check87"/>
      <w:r>
        <w:instrText xml:space="preserve"> FORMCHECKBOX </w:instrText>
      </w:r>
      <w:r w:rsidR="00655F45">
        <w:fldChar w:fldCharType="separate"/>
      </w:r>
      <w:r>
        <w:fldChar w:fldCharType="end"/>
      </w:r>
      <w:bookmarkEnd w:id="106"/>
      <w:r w:rsidR="002B23E5">
        <w:tab/>
      </w:r>
      <w:r>
        <w:t xml:space="preserve">Describe how the best available scientific and commercial information regarding the status and trends of critical habitat PCEs present in the action area was used in developing the BA.  Include publications, journal articles, agency data, and technical reports that were used and cited.  Include local information relative to </w:t>
      </w:r>
      <w:r>
        <w:lastRenderedPageBreak/>
        <w:t>the project vicinity, views of recognized experts, and results from recent studies, life history, population dynamics, trends, and distribution.  Reference field notes, unpublished data, research in progress, and other applicable material.</w:t>
      </w:r>
    </w:p>
    <w:p w14:paraId="6277A0FA" w14:textId="51F67B09" w:rsidR="00012EF0" w:rsidRPr="00012EF0" w:rsidRDefault="009477BE" w:rsidP="002B23E5">
      <w:pPr>
        <w:ind w:left="720" w:hanging="720"/>
      </w:pPr>
      <w:r>
        <w:fldChar w:fldCharType="begin">
          <w:ffData>
            <w:name w:val="Check120"/>
            <w:enabled/>
            <w:calcOnExit w:val="0"/>
            <w:checkBox>
              <w:sizeAuto/>
              <w:default w:val="0"/>
            </w:checkBox>
          </w:ffData>
        </w:fldChar>
      </w:r>
      <w:bookmarkStart w:id="107" w:name="Check120"/>
      <w:r>
        <w:instrText xml:space="preserve"> FORMCHECKBOX </w:instrText>
      </w:r>
      <w:r w:rsidR="00655F45">
        <w:fldChar w:fldCharType="separate"/>
      </w:r>
      <w:r>
        <w:fldChar w:fldCharType="end"/>
      </w:r>
      <w:bookmarkEnd w:id="107"/>
      <w:r>
        <w:tab/>
      </w:r>
      <w:r w:rsidR="00012EF0" w:rsidRPr="009477BE">
        <w:t>Identify the total area and linear feet of affected critical habitat (by applicable PCE).</w:t>
      </w:r>
    </w:p>
    <w:p w14:paraId="22678784" w14:textId="77777777" w:rsidR="00566C3B" w:rsidRDefault="00D92834" w:rsidP="002B23E5">
      <w:pPr>
        <w:pStyle w:val="Heading2"/>
      </w:pPr>
      <w:r>
        <w:t>Effects of the Action</w:t>
      </w:r>
    </w:p>
    <w:p w14:paraId="78C68D9E" w14:textId="77777777" w:rsidR="00D92834" w:rsidRDefault="00D92834" w:rsidP="001950A0">
      <w:pPr>
        <w:pStyle w:val="Heading3"/>
      </w:pPr>
      <w:r>
        <w:t>Approach to the Assessment</w:t>
      </w:r>
    </w:p>
    <w:p w14:paraId="7433EF37" w14:textId="77777777" w:rsidR="00012EF0" w:rsidRDefault="00012EF0" w:rsidP="002B23E5">
      <w:pPr>
        <w:ind w:left="720" w:hanging="720"/>
        <w:contextualSpacing/>
      </w:pPr>
      <w:r>
        <w:fldChar w:fldCharType="begin">
          <w:ffData>
            <w:name w:val="Check88"/>
            <w:enabled/>
            <w:calcOnExit w:val="0"/>
            <w:checkBox>
              <w:sizeAuto/>
              <w:default w:val="0"/>
            </w:checkBox>
          </w:ffData>
        </w:fldChar>
      </w:r>
      <w:bookmarkStart w:id="108" w:name="Check88"/>
      <w:r>
        <w:instrText xml:space="preserve"> FORMCHECKBOX </w:instrText>
      </w:r>
      <w:r w:rsidR="00655F45">
        <w:fldChar w:fldCharType="separate"/>
      </w:r>
      <w:r>
        <w:fldChar w:fldCharType="end"/>
      </w:r>
      <w:bookmarkEnd w:id="108"/>
      <w:r w:rsidR="002B23E5">
        <w:tab/>
      </w:r>
      <w:r>
        <w:t>Analytical approach is consistent with the risk assessment framework developed by NMFS for analyzing effects to listed species and their habitat based on exposure and response to an action.  This framework follows nine steps that can be consistently applied to different types of actions and used to develop replicable assessments with logical, well-reasoned, and supportable conclusions.  For formal consultations, Caltrans can apply steps one through six in developing the BA.  Steps seven through nine are completed by NMFS in a biological opinion.</w:t>
      </w:r>
    </w:p>
    <w:p w14:paraId="076D04E6" w14:textId="77777777" w:rsidR="00012EF0" w:rsidRDefault="00012EF0" w:rsidP="002B23E5">
      <w:pPr>
        <w:ind w:left="720" w:hanging="720"/>
        <w:contextualSpacing/>
      </w:pPr>
      <w:r>
        <w:fldChar w:fldCharType="begin">
          <w:ffData>
            <w:name w:val="Check89"/>
            <w:enabled/>
            <w:calcOnExit w:val="0"/>
            <w:checkBox>
              <w:sizeAuto/>
              <w:default w:val="0"/>
            </w:checkBox>
          </w:ffData>
        </w:fldChar>
      </w:r>
      <w:bookmarkStart w:id="109" w:name="Check89"/>
      <w:r>
        <w:instrText xml:space="preserve"> FORMCHECKBOX </w:instrText>
      </w:r>
      <w:r w:rsidR="00655F45">
        <w:fldChar w:fldCharType="separate"/>
      </w:r>
      <w:r>
        <w:fldChar w:fldCharType="end"/>
      </w:r>
      <w:bookmarkEnd w:id="109"/>
      <w:r w:rsidR="002B23E5">
        <w:tab/>
      </w:r>
      <w:r>
        <w:t>Description of potential direct and indirect effects, including any adverse or beneficial effects.</w:t>
      </w:r>
    </w:p>
    <w:p w14:paraId="7C619F07" w14:textId="77777777" w:rsidR="00012EF0" w:rsidRPr="00012EF0" w:rsidRDefault="00012EF0" w:rsidP="002B23E5">
      <w:pPr>
        <w:ind w:left="720" w:hanging="720"/>
        <w:contextualSpacing/>
      </w:pPr>
      <w:r>
        <w:fldChar w:fldCharType="begin">
          <w:ffData>
            <w:name w:val="Check90"/>
            <w:enabled/>
            <w:calcOnExit w:val="0"/>
            <w:checkBox>
              <w:sizeAuto/>
              <w:default w:val="0"/>
            </w:checkBox>
          </w:ffData>
        </w:fldChar>
      </w:r>
      <w:bookmarkStart w:id="110" w:name="Check90"/>
      <w:r>
        <w:instrText xml:space="preserve"> FORMCHECKBOX </w:instrText>
      </w:r>
      <w:r w:rsidR="00655F45">
        <w:fldChar w:fldCharType="separate"/>
      </w:r>
      <w:r>
        <w:fldChar w:fldCharType="end"/>
      </w:r>
      <w:bookmarkEnd w:id="110"/>
      <w:r w:rsidR="002B23E5">
        <w:tab/>
      </w:r>
      <w:r>
        <w:t>A description of how effects analysis for individuals of a species and critical habitat will be conducted separately.</w:t>
      </w:r>
    </w:p>
    <w:p w14:paraId="481EC794" w14:textId="77777777" w:rsidR="00D92834" w:rsidRDefault="00D92834" w:rsidP="001950A0">
      <w:pPr>
        <w:pStyle w:val="Heading3"/>
      </w:pPr>
      <w:r>
        <w:t>Information Available for the Assessment</w:t>
      </w:r>
    </w:p>
    <w:p w14:paraId="5FDB524E" w14:textId="77777777" w:rsidR="00012EF0" w:rsidRDefault="00012EF0" w:rsidP="002B23E5">
      <w:pPr>
        <w:ind w:left="720" w:hanging="720"/>
      </w:pPr>
      <w:r>
        <w:fldChar w:fldCharType="begin">
          <w:ffData>
            <w:name w:val="Check91"/>
            <w:enabled/>
            <w:calcOnExit w:val="0"/>
            <w:checkBox>
              <w:sizeAuto/>
              <w:default w:val="0"/>
            </w:checkBox>
          </w:ffData>
        </w:fldChar>
      </w:r>
      <w:bookmarkStart w:id="111" w:name="Check91"/>
      <w:r>
        <w:instrText xml:space="preserve"> FORMCHECKBOX </w:instrText>
      </w:r>
      <w:r w:rsidR="00655F45">
        <w:fldChar w:fldCharType="separate"/>
      </w:r>
      <w:r>
        <w:fldChar w:fldCharType="end"/>
      </w:r>
      <w:bookmarkEnd w:id="111"/>
      <w:r w:rsidR="002B23E5">
        <w:tab/>
      </w:r>
      <w:r>
        <w:t>Summarize the best scientific and commercial information that will be applied to the assessment.</w:t>
      </w:r>
    </w:p>
    <w:p w14:paraId="7BF1567F" w14:textId="77777777" w:rsidR="00012EF0" w:rsidRPr="00012EF0" w:rsidRDefault="00012EF0" w:rsidP="002B23E5">
      <w:pPr>
        <w:ind w:left="720" w:hanging="720"/>
      </w:pPr>
      <w:r>
        <w:fldChar w:fldCharType="begin">
          <w:ffData>
            <w:name w:val="Check92"/>
            <w:enabled/>
            <w:calcOnExit w:val="0"/>
            <w:checkBox>
              <w:sizeAuto/>
              <w:default w:val="0"/>
            </w:checkBox>
          </w:ffData>
        </w:fldChar>
      </w:r>
      <w:bookmarkStart w:id="112" w:name="Check92"/>
      <w:r>
        <w:instrText xml:space="preserve"> FORMCHECKBOX </w:instrText>
      </w:r>
      <w:r w:rsidR="00655F45">
        <w:fldChar w:fldCharType="separate"/>
      </w:r>
      <w:r>
        <w:fldChar w:fldCharType="end"/>
      </w:r>
      <w:bookmarkEnd w:id="112"/>
      <w:r w:rsidR="002B23E5">
        <w:tab/>
      </w:r>
      <w:r>
        <w:t>Supply NMFS with an electronic copy of the reference material.</w:t>
      </w:r>
    </w:p>
    <w:p w14:paraId="74903002" w14:textId="77777777" w:rsidR="00D92834" w:rsidRDefault="00D92834" w:rsidP="001950A0">
      <w:pPr>
        <w:pStyle w:val="Heading3"/>
      </w:pPr>
      <w:r>
        <w:t>Assumptions Underlying this Assessment</w:t>
      </w:r>
    </w:p>
    <w:p w14:paraId="5A8EAFE4" w14:textId="77777777" w:rsidR="00012EF0" w:rsidRPr="00012EF0" w:rsidRDefault="00C14425" w:rsidP="00012EF0">
      <w:r>
        <w:fldChar w:fldCharType="begin">
          <w:ffData>
            <w:name w:val="Check93"/>
            <w:enabled/>
            <w:calcOnExit w:val="0"/>
            <w:checkBox>
              <w:sizeAuto/>
              <w:default w:val="0"/>
            </w:checkBox>
          </w:ffData>
        </w:fldChar>
      </w:r>
      <w:bookmarkStart w:id="113" w:name="Check93"/>
      <w:r>
        <w:instrText xml:space="preserve"> FORMCHECKBOX </w:instrText>
      </w:r>
      <w:r w:rsidR="00655F45">
        <w:fldChar w:fldCharType="separate"/>
      </w:r>
      <w:r>
        <w:fldChar w:fldCharType="end"/>
      </w:r>
      <w:bookmarkEnd w:id="113"/>
      <w:r w:rsidR="002B23E5">
        <w:tab/>
      </w:r>
      <w:r w:rsidRPr="00C14425">
        <w:t>A description of any assumptions that will be applied to the analysis.</w:t>
      </w:r>
    </w:p>
    <w:p w14:paraId="2EFE9EB6" w14:textId="77777777" w:rsidR="00D92834" w:rsidRDefault="00D92834" w:rsidP="001950A0">
      <w:pPr>
        <w:pStyle w:val="Heading3"/>
      </w:pPr>
      <w:r>
        <w:t>Effects:  Exposure Assessment to Individuals</w:t>
      </w:r>
    </w:p>
    <w:p w14:paraId="791B80A2" w14:textId="77777777" w:rsidR="00C14425" w:rsidRDefault="00C14425" w:rsidP="002B23E5">
      <w:pPr>
        <w:ind w:left="720" w:hanging="720"/>
        <w:contextualSpacing/>
      </w:pPr>
      <w:r>
        <w:fldChar w:fldCharType="begin">
          <w:ffData>
            <w:name w:val="Check94"/>
            <w:enabled/>
            <w:calcOnExit w:val="0"/>
            <w:checkBox>
              <w:sizeAuto/>
              <w:default w:val="0"/>
            </w:checkBox>
          </w:ffData>
        </w:fldChar>
      </w:r>
      <w:bookmarkStart w:id="114" w:name="Check94"/>
      <w:r>
        <w:instrText xml:space="preserve"> FORMCHECKBOX </w:instrText>
      </w:r>
      <w:r w:rsidR="00655F45">
        <w:fldChar w:fldCharType="separate"/>
      </w:r>
      <w:r>
        <w:fldChar w:fldCharType="end"/>
      </w:r>
      <w:bookmarkEnd w:id="114"/>
      <w:r w:rsidR="002B23E5">
        <w:tab/>
      </w:r>
      <w:r>
        <w:t>Description of the spatial and temporal exposure of species and specific life history stages to deconstructed elements of the proposed action in the action area.</w:t>
      </w:r>
    </w:p>
    <w:p w14:paraId="2F22C2DC" w14:textId="77777777" w:rsidR="00C14425" w:rsidRDefault="00C14425" w:rsidP="00C14425">
      <w:pPr>
        <w:contextualSpacing/>
      </w:pPr>
      <w:r>
        <w:fldChar w:fldCharType="begin">
          <w:ffData>
            <w:name w:val="Check95"/>
            <w:enabled/>
            <w:calcOnExit w:val="0"/>
            <w:checkBox>
              <w:sizeAuto/>
              <w:default w:val="0"/>
            </w:checkBox>
          </w:ffData>
        </w:fldChar>
      </w:r>
      <w:bookmarkStart w:id="115" w:name="Check95"/>
      <w:r>
        <w:instrText xml:space="preserve"> FORMCHECKBOX </w:instrText>
      </w:r>
      <w:r w:rsidR="00655F45">
        <w:fldChar w:fldCharType="separate"/>
      </w:r>
      <w:r>
        <w:fldChar w:fldCharType="end"/>
      </w:r>
      <w:bookmarkEnd w:id="115"/>
      <w:r w:rsidR="002B23E5">
        <w:tab/>
      </w:r>
      <w:r>
        <w:t>Consider both direct and indirect effects.</w:t>
      </w:r>
    </w:p>
    <w:p w14:paraId="639A3D13" w14:textId="77777777" w:rsidR="00C14425" w:rsidRDefault="00C14425" w:rsidP="002B23E5">
      <w:pPr>
        <w:ind w:left="720" w:hanging="720"/>
        <w:contextualSpacing/>
      </w:pPr>
      <w:r>
        <w:fldChar w:fldCharType="begin">
          <w:ffData>
            <w:name w:val="Check96"/>
            <w:enabled/>
            <w:calcOnExit w:val="0"/>
            <w:checkBox>
              <w:sizeAuto/>
              <w:default w:val="0"/>
            </w:checkBox>
          </w:ffData>
        </w:fldChar>
      </w:r>
      <w:bookmarkStart w:id="116" w:name="Check96"/>
      <w:r>
        <w:instrText xml:space="preserve"> FORMCHECKBOX </w:instrText>
      </w:r>
      <w:r w:rsidR="00655F45">
        <w:fldChar w:fldCharType="separate"/>
      </w:r>
      <w:r>
        <w:fldChar w:fldCharType="end"/>
      </w:r>
      <w:bookmarkEnd w:id="116"/>
      <w:r w:rsidR="002B23E5">
        <w:tab/>
      </w:r>
      <w:r>
        <w:t>Description of the potential stressors associated with deconstructed action elements within the action area.  Possible assessment guidelines and stressors to consider include:</w:t>
      </w:r>
    </w:p>
    <w:p w14:paraId="2F25E2DC" w14:textId="77777777" w:rsidR="00C14425" w:rsidRDefault="00C14425" w:rsidP="002B23E5">
      <w:pPr>
        <w:pStyle w:val="Normalbullettext"/>
      </w:pPr>
      <w:r>
        <w:lastRenderedPageBreak/>
        <w:t>Sound assessment regarding peak and cumulative levels without sound attenuation, using the most recent interagency hydroacoustic assessment protocols.</w:t>
      </w:r>
    </w:p>
    <w:p w14:paraId="5B7CED68" w14:textId="77777777" w:rsidR="00C14425" w:rsidRDefault="00C14425" w:rsidP="002B23E5">
      <w:pPr>
        <w:pStyle w:val="Normalbullettext"/>
      </w:pPr>
      <w:r>
        <w:t>Assessment of sound levels after attenuation, using the most recent interagency hydroacoustic protocols.</w:t>
      </w:r>
    </w:p>
    <w:p w14:paraId="62ACA6AA" w14:textId="77777777" w:rsidR="00C14425" w:rsidRDefault="00C14425" w:rsidP="002B23E5">
      <w:pPr>
        <w:pStyle w:val="Normalbullettext"/>
      </w:pPr>
      <w:r>
        <w:t>Changes in turbidity and sediment delivery to stream channels.</w:t>
      </w:r>
    </w:p>
    <w:p w14:paraId="1482B994" w14:textId="77777777" w:rsidR="00C14425" w:rsidRDefault="00C14425" w:rsidP="002B23E5">
      <w:pPr>
        <w:pStyle w:val="Normalbullettext"/>
      </w:pPr>
      <w:r>
        <w:t>Changes in water quality.</w:t>
      </w:r>
    </w:p>
    <w:p w14:paraId="761612DE" w14:textId="77777777" w:rsidR="00C14425" w:rsidRDefault="00C14425" w:rsidP="002B23E5">
      <w:pPr>
        <w:pStyle w:val="Normalbullettext"/>
      </w:pPr>
      <w:r>
        <w:t>Channel dewatering and changes in flow or fish passage conditions.</w:t>
      </w:r>
    </w:p>
    <w:p w14:paraId="47DEC004" w14:textId="77777777" w:rsidR="00C14425" w:rsidRDefault="00C14425" w:rsidP="002B23E5">
      <w:pPr>
        <w:pStyle w:val="Normalbullettext"/>
      </w:pPr>
      <w:r>
        <w:t>Changes in channel substrate.</w:t>
      </w:r>
    </w:p>
    <w:p w14:paraId="47792C8C" w14:textId="77777777" w:rsidR="00C14425" w:rsidRDefault="00C14425" w:rsidP="002B23E5">
      <w:pPr>
        <w:pStyle w:val="Normalbullettext"/>
      </w:pPr>
      <w:r>
        <w:t>Streambed alteration or disturbance.</w:t>
      </w:r>
    </w:p>
    <w:p w14:paraId="0EAEE190" w14:textId="77777777" w:rsidR="00C14425" w:rsidRPr="00C14425" w:rsidRDefault="00C14425" w:rsidP="002B23E5">
      <w:pPr>
        <w:pStyle w:val="Normalbullettext"/>
      </w:pPr>
      <w:r>
        <w:t>Loss of riparian habitat.</w:t>
      </w:r>
    </w:p>
    <w:p w14:paraId="660FF799" w14:textId="77777777" w:rsidR="00D92834" w:rsidRDefault="00D92834" w:rsidP="001950A0">
      <w:pPr>
        <w:pStyle w:val="Heading3"/>
      </w:pPr>
      <w:r>
        <w:t>Effects:  Response and Risk Assessment to Individuals</w:t>
      </w:r>
    </w:p>
    <w:p w14:paraId="0D9AA1D2" w14:textId="77777777" w:rsidR="00C14425" w:rsidRDefault="00C14425" w:rsidP="002B23E5">
      <w:pPr>
        <w:ind w:left="720" w:hanging="720"/>
        <w:contextualSpacing/>
      </w:pPr>
      <w:r>
        <w:fldChar w:fldCharType="begin">
          <w:ffData>
            <w:name w:val="Check97"/>
            <w:enabled/>
            <w:calcOnExit w:val="0"/>
            <w:checkBox>
              <w:sizeAuto/>
              <w:default w:val="0"/>
            </w:checkBox>
          </w:ffData>
        </w:fldChar>
      </w:r>
      <w:bookmarkStart w:id="117" w:name="Check97"/>
      <w:r>
        <w:instrText xml:space="preserve"> FORMCHECKBOX </w:instrText>
      </w:r>
      <w:r w:rsidR="00655F45">
        <w:fldChar w:fldCharType="separate"/>
      </w:r>
      <w:r>
        <w:fldChar w:fldCharType="end"/>
      </w:r>
      <w:bookmarkEnd w:id="117"/>
      <w:r w:rsidR="002B23E5">
        <w:tab/>
      </w:r>
      <w:r>
        <w:t>Description of the direct and indirect biological response to species and individuals that are exposed to project-related stressors associated with deconstructed action elements within the action area.</w:t>
      </w:r>
    </w:p>
    <w:p w14:paraId="003EA4B9" w14:textId="77777777" w:rsidR="00C14425" w:rsidRDefault="00C14425" w:rsidP="002B23E5">
      <w:pPr>
        <w:ind w:left="720" w:hanging="720"/>
        <w:contextualSpacing/>
      </w:pPr>
      <w:r>
        <w:fldChar w:fldCharType="begin">
          <w:ffData>
            <w:name w:val="Check98"/>
            <w:enabled/>
            <w:calcOnExit w:val="0"/>
            <w:checkBox>
              <w:sizeAuto/>
              <w:default w:val="0"/>
            </w:checkBox>
          </w:ffData>
        </w:fldChar>
      </w:r>
      <w:bookmarkStart w:id="118" w:name="Check98"/>
      <w:r>
        <w:instrText xml:space="preserve"> FORMCHECKBOX </w:instrText>
      </w:r>
      <w:r w:rsidR="00655F45">
        <w:fldChar w:fldCharType="separate"/>
      </w:r>
      <w:r>
        <w:fldChar w:fldCharType="end"/>
      </w:r>
      <w:bookmarkEnd w:id="118"/>
      <w:r w:rsidR="002B23E5">
        <w:tab/>
      </w:r>
      <w:r>
        <w:t>This assessment should describe the conditions that cause adverse effects to fish and quantify the amount and extent of adverse effects expected from the action (e.g., injury, death, harm, harassment, capture).</w:t>
      </w:r>
    </w:p>
    <w:p w14:paraId="7E41FFDB" w14:textId="77777777" w:rsidR="00C14425" w:rsidRDefault="00C14425" w:rsidP="002B23E5">
      <w:pPr>
        <w:ind w:left="720" w:hanging="720"/>
        <w:contextualSpacing/>
      </w:pPr>
      <w:r>
        <w:fldChar w:fldCharType="begin">
          <w:ffData>
            <w:name w:val="Check99"/>
            <w:enabled/>
            <w:calcOnExit w:val="0"/>
            <w:checkBox>
              <w:sizeAuto/>
              <w:default w:val="0"/>
            </w:checkBox>
          </w:ffData>
        </w:fldChar>
      </w:r>
      <w:bookmarkStart w:id="119" w:name="Check99"/>
      <w:r>
        <w:instrText xml:space="preserve"> FORMCHECKBOX </w:instrText>
      </w:r>
      <w:r w:rsidR="00655F45">
        <w:fldChar w:fldCharType="separate"/>
      </w:r>
      <w:r>
        <w:fldChar w:fldCharType="end"/>
      </w:r>
      <w:bookmarkEnd w:id="119"/>
      <w:r w:rsidR="002B23E5">
        <w:tab/>
      </w:r>
      <w:r>
        <w:t>Consider the following:</w:t>
      </w:r>
    </w:p>
    <w:p w14:paraId="45016CAC" w14:textId="77777777" w:rsidR="00C14425" w:rsidRDefault="00C14425" w:rsidP="002B23E5">
      <w:pPr>
        <w:pStyle w:val="Normalbullettext"/>
      </w:pPr>
      <w:r>
        <w:t>Quantification of analyzed hydroacoustic effects to fish using the most recent interagency standards and guidelines.</w:t>
      </w:r>
    </w:p>
    <w:p w14:paraId="62B2CAF0" w14:textId="77777777" w:rsidR="00C14425" w:rsidRDefault="00C14425" w:rsidP="002B23E5">
      <w:pPr>
        <w:pStyle w:val="Normalbullettext"/>
      </w:pPr>
      <w:r>
        <w:t>Response and risk from changes in turbidity and sediment delivery to stream channels.</w:t>
      </w:r>
    </w:p>
    <w:p w14:paraId="00204BD5" w14:textId="77777777" w:rsidR="00C14425" w:rsidRDefault="00C14425" w:rsidP="002B23E5">
      <w:pPr>
        <w:pStyle w:val="Normalbullettext"/>
      </w:pPr>
      <w:r>
        <w:t>Response and risk from changes in water quality.</w:t>
      </w:r>
    </w:p>
    <w:p w14:paraId="7209DA68" w14:textId="77777777" w:rsidR="00C14425" w:rsidRDefault="00C14425" w:rsidP="002B23E5">
      <w:pPr>
        <w:pStyle w:val="Normalbullettext"/>
      </w:pPr>
      <w:r>
        <w:t>Response and risk from channel dewatering and changes in flow or fish passage</w:t>
      </w:r>
    </w:p>
    <w:p w14:paraId="7F0CB22D" w14:textId="77777777" w:rsidR="00C14425" w:rsidRDefault="00C14425" w:rsidP="002B23E5">
      <w:pPr>
        <w:pStyle w:val="Normalbullettext"/>
      </w:pPr>
      <w:r>
        <w:t>conditions.</w:t>
      </w:r>
    </w:p>
    <w:p w14:paraId="251C743E" w14:textId="77777777" w:rsidR="00C14425" w:rsidRDefault="00C14425" w:rsidP="002B23E5">
      <w:pPr>
        <w:pStyle w:val="Normalbullettext"/>
      </w:pPr>
      <w:r>
        <w:t>Response and risk from changes in channel substrate.</w:t>
      </w:r>
    </w:p>
    <w:p w14:paraId="4FA426CB" w14:textId="77777777" w:rsidR="00C14425" w:rsidRDefault="00C14425" w:rsidP="002B23E5">
      <w:pPr>
        <w:pStyle w:val="Normalbullettext"/>
      </w:pPr>
      <w:r>
        <w:t>Response and risk from loss of riparian habitat.</w:t>
      </w:r>
    </w:p>
    <w:p w14:paraId="67712365" w14:textId="77777777" w:rsidR="00C14425" w:rsidRPr="00C14425" w:rsidRDefault="00C14425" w:rsidP="002B23E5">
      <w:pPr>
        <w:pStyle w:val="Normalbullettext"/>
      </w:pPr>
      <w:r>
        <w:t>Response and risk from streambed alteration and disturbance.</w:t>
      </w:r>
    </w:p>
    <w:p w14:paraId="7A67B7DF" w14:textId="77777777" w:rsidR="00D92834" w:rsidRDefault="00D92834" w:rsidP="001950A0">
      <w:pPr>
        <w:pStyle w:val="Heading3"/>
      </w:pPr>
      <w:r>
        <w:t>Effects:  Exposure Assessment to Critical Habitat</w:t>
      </w:r>
    </w:p>
    <w:p w14:paraId="7805F293" w14:textId="77777777" w:rsidR="00C14425" w:rsidRPr="00C14425" w:rsidRDefault="00C14425" w:rsidP="002B23E5">
      <w:pPr>
        <w:ind w:left="720" w:hanging="720"/>
      </w:pPr>
      <w:r>
        <w:fldChar w:fldCharType="begin">
          <w:ffData>
            <w:name w:val="Check100"/>
            <w:enabled/>
            <w:calcOnExit w:val="0"/>
            <w:checkBox>
              <w:sizeAuto/>
              <w:default w:val="0"/>
            </w:checkBox>
          </w:ffData>
        </w:fldChar>
      </w:r>
      <w:bookmarkStart w:id="120" w:name="Check100"/>
      <w:r>
        <w:instrText xml:space="preserve"> FORMCHECKBOX </w:instrText>
      </w:r>
      <w:r w:rsidR="00655F45">
        <w:fldChar w:fldCharType="separate"/>
      </w:r>
      <w:r>
        <w:fldChar w:fldCharType="end"/>
      </w:r>
      <w:bookmarkEnd w:id="120"/>
      <w:r w:rsidR="002B23E5">
        <w:tab/>
      </w:r>
      <w:r w:rsidRPr="00C14425">
        <w:t>Description of the spatial and temporal exposure of critical habitat PCEs to potential stressors.</w:t>
      </w:r>
    </w:p>
    <w:p w14:paraId="1737E851" w14:textId="77777777" w:rsidR="00D92834" w:rsidRDefault="00D92834" w:rsidP="001950A0">
      <w:pPr>
        <w:pStyle w:val="Heading3"/>
      </w:pPr>
      <w:r>
        <w:t>Effects:  Risk Assessment to Critical Habitat</w:t>
      </w:r>
    </w:p>
    <w:p w14:paraId="56D82917" w14:textId="77777777" w:rsidR="00C14425" w:rsidRPr="00C14425" w:rsidRDefault="00C14425" w:rsidP="002B23E5">
      <w:pPr>
        <w:ind w:left="720" w:hanging="720"/>
      </w:pPr>
      <w:r>
        <w:fldChar w:fldCharType="begin">
          <w:ffData>
            <w:name w:val="Check101"/>
            <w:enabled/>
            <w:calcOnExit w:val="0"/>
            <w:checkBox>
              <w:sizeAuto/>
              <w:default w:val="0"/>
            </w:checkBox>
          </w:ffData>
        </w:fldChar>
      </w:r>
      <w:bookmarkStart w:id="121" w:name="Check101"/>
      <w:r>
        <w:instrText xml:space="preserve"> FORMCHECKBOX </w:instrText>
      </w:r>
      <w:r w:rsidR="00655F45">
        <w:fldChar w:fldCharType="separate"/>
      </w:r>
      <w:r>
        <w:fldChar w:fldCharType="end"/>
      </w:r>
      <w:bookmarkEnd w:id="121"/>
      <w:r w:rsidR="002B23E5">
        <w:tab/>
      </w:r>
      <w:r w:rsidRPr="00C14425">
        <w:t>Description of the direct and indirect physical response of critical habitat PCEs to potential stressors associated with deconstructed action elements within the action area.</w:t>
      </w:r>
    </w:p>
    <w:p w14:paraId="3DAD4401" w14:textId="77777777" w:rsidR="00D92834" w:rsidRDefault="00D92834" w:rsidP="001950A0">
      <w:pPr>
        <w:pStyle w:val="Heading3"/>
      </w:pPr>
      <w:r>
        <w:lastRenderedPageBreak/>
        <w:t>Summary of Effects to Species and Critical Habitat</w:t>
      </w:r>
    </w:p>
    <w:p w14:paraId="3B169C60" w14:textId="77777777" w:rsidR="00C14425" w:rsidRPr="00C14425" w:rsidRDefault="00C14425" w:rsidP="002B23E5">
      <w:pPr>
        <w:ind w:left="720" w:hanging="720"/>
      </w:pPr>
      <w:r>
        <w:fldChar w:fldCharType="begin">
          <w:ffData>
            <w:name w:val="Check102"/>
            <w:enabled/>
            <w:calcOnExit w:val="0"/>
            <w:checkBox>
              <w:sizeAuto/>
              <w:default w:val="0"/>
            </w:checkBox>
          </w:ffData>
        </w:fldChar>
      </w:r>
      <w:bookmarkStart w:id="122" w:name="Check102"/>
      <w:r>
        <w:instrText xml:space="preserve"> FORMCHECKBOX </w:instrText>
      </w:r>
      <w:r w:rsidR="00655F45">
        <w:fldChar w:fldCharType="separate"/>
      </w:r>
      <w:r>
        <w:fldChar w:fldCharType="end"/>
      </w:r>
      <w:bookmarkEnd w:id="122"/>
      <w:r w:rsidR="002B23E5">
        <w:tab/>
      </w:r>
      <w:r w:rsidRPr="00C14425">
        <w:t>Summarize the direct and indirect effects to species and the physical response of critical habitat PCEs to potential stressors associated with deconstructed action elements within the action area.</w:t>
      </w:r>
    </w:p>
    <w:p w14:paraId="6D79E9B0" w14:textId="77777777" w:rsidR="00D92834" w:rsidRDefault="00D92834" w:rsidP="002B23E5">
      <w:pPr>
        <w:pStyle w:val="Heading2"/>
      </w:pPr>
      <w:r>
        <w:t>Cumulative Effects</w:t>
      </w:r>
    </w:p>
    <w:p w14:paraId="7906E478" w14:textId="77777777" w:rsidR="00C14425" w:rsidRDefault="00C14425" w:rsidP="002B23E5">
      <w:pPr>
        <w:ind w:left="720" w:hanging="720"/>
      </w:pPr>
      <w:r>
        <w:fldChar w:fldCharType="begin">
          <w:ffData>
            <w:name w:val="Check103"/>
            <w:enabled/>
            <w:calcOnExit w:val="0"/>
            <w:checkBox>
              <w:sizeAuto/>
              <w:default w:val="0"/>
            </w:checkBox>
          </w:ffData>
        </w:fldChar>
      </w:r>
      <w:bookmarkStart w:id="123" w:name="Check103"/>
      <w:r>
        <w:instrText xml:space="preserve"> FORMCHECKBOX </w:instrText>
      </w:r>
      <w:r w:rsidR="00655F45">
        <w:fldChar w:fldCharType="separate"/>
      </w:r>
      <w:r>
        <w:fldChar w:fldCharType="end"/>
      </w:r>
      <w:bookmarkEnd w:id="123"/>
      <w:r w:rsidR="002B23E5">
        <w:tab/>
      </w:r>
      <w:r>
        <w:t>Describe cumulative effects that are reasonably certain to occur within the action area:</w:t>
      </w:r>
    </w:p>
    <w:p w14:paraId="1877C037" w14:textId="77777777" w:rsidR="00C14425" w:rsidRDefault="00C14425" w:rsidP="002B23E5">
      <w:pPr>
        <w:pStyle w:val="Normalbullettext"/>
      </w:pPr>
      <w:r>
        <w:t>Cumulative effects include the effects of future state, tribal, local or private projects.</w:t>
      </w:r>
    </w:p>
    <w:p w14:paraId="4515B1C2" w14:textId="77777777" w:rsidR="00C14425" w:rsidRPr="00C14425" w:rsidRDefault="00C14425" w:rsidP="002B23E5">
      <w:pPr>
        <w:pStyle w:val="Normalbullettext"/>
      </w:pPr>
      <w:r>
        <w:t>Future Federal actions are not considered in this section because they will be subject to separate consultation pursuant to Section 7 of the ESA.</w:t>
      </w:r>
    </w:p>
    <w:p w14:paraId="6C5126A8" w14:textId="77777777" w:rsidR="00D92834" w:rsidRDefault="00D92834" w:rsidP="002B23E5">
      <w:pPr>
        <w:pStyle w:val="Heading2"/>
      </w:pPr>
      <w:r>
        <w:t>Effects of Interrelated and Interdependent Actions</w:t>
      </w:r>
    </w:p>
    <w:p w14:paraId="0044EA4E" w14:textId="77777777" w:rsidR="00D92834" w:rsidRPr="00D92834" w:rsidRDefault="004855A3" w:rsidP="002B23E5">
      <w:pPr>
        <w:ind w:left="720" w:hanging="720"/>
      </w:pPr>
      <w:r>
        <w:fldChar w:fldCharType="begin">
          <w:ffData>
            <w:name w:val="Check24"/>
            <w:enabled/>
            <w:calcOnExit w:val="0"/>
            <w:checkBox>
              <w:sizeAuto/>
              <w:default w:val="0"/>
            </w:checkBox>
          </w:ffData>
        </w:fldChar>
      </w:r>
      <w:bookmarkStart w:id="124" w:name="Check24"/>
      <w:r>
        <w:instrText xml:space="preserve"> FORMCHECKBOX </w:instrText>
      </w:r>
      <w:r w:rsidR="00655F45">
        <w:fldChar w:fldCharType="separate"/>
      </w:r>
      <w:r>
        <w:fldChar w:fldCharType="end"/>
      </w:r>
      <w:bookmarkEnd w:id="124"/>
      <w:r w:rsidR="002B23E5">
        <w:tab/>
      </w:r>
      <w:r>
        <w:t>Describe the effects of interrelated and interdependent actions associated with the proposed action.</w:t>
      </w:r>
    </w:p>
    <w:p w14:paraId="6EDD5BC5" w14:textId="77777777" w:rsidR="00D92834" w:rsidRDefault="00D92834" w:rsidP="002B23E5">
      <w:pPr>
        <w:pStyle w:val="Heading2"/>
      </w:pPr>
      <w:r>
        <w:t>Determination</w:t>
      </w:r>
    </w:p>
    <w:p w14:paraId="3D167F91" w14:textId="77777777" w:rsidR="00D92834" w:rsidRDefault="00D92834" w:rsidP="002B23E5">
      <w:pPr>
        <w:ind w:left="720" w:hanging="720"/>
        <w:contextualSpacing/>
      </w:pPr>
      <w:r>
        <w:fldChar w:fldCharType="begin">
          <w:ffData>
            <w:name w:val="Check23"/>
            <w:enabled/>
            <w:calcOnExit w:val="0"/>
            <w:checkBox>
              <w:sizeAuto/>
              <w:default w:val="0"/>
            </w:checkBox>
          </w:ffData>
        </w:fldChar>
      </w:r>
      <w:r>
        <w:instrText xml:space="preserve"> FORMCHECKBOX </w:instrText>
      </w:r>
      <w:r w:rsidR="00655F45">
        <w:fldChar w:fldCharType="separate"/>
      </w:r>
      <w:r>
        <w:fldChar w:fldCharType="end"/>
      </w:r>
      <w:r w:rsidR="002B23E5">
        <w:tab/>
      </w:r>
      <w:r>
        <w:t xml:space="preserve">Logic </w:t>
      </w:r>
      <w:r w:rsidRPr="00D92834">
        <w:t>of the analysis shall support the determination.  Summarize key points that link the analysis to the determination.</w:t>
      </w:r>
    </w:p>
    <w:p w14:paraId="2328AE3A" w14:textId="77777777" w:rsidR="00D92834" w:rsidRDefault="00D92834" w:rsidP="002B23E5">
      <w:pPr>
        <w:ind w:left="720" w:hanging="720"/>
        <w:contextualSpacing/>
      </w:pPr>
      <w:r>
        <w:fldChar w:fldCharType="begin">
          <w:ffData>
            <w:name w:val="Check23"/>
            <w:enabled/>
            <w:calcOnExit w:val="0"/>
            <w:checkBox>
              <w:sizeAuto/>
              <w:default w:val="0"/>
            </w:checkBox>
          </w:ffData>
        </w:fldChar>
      </w:r>
      <w:r>
        <w:instrText xml:space="preserve"> FORMCHECKBOX </w:instrText>
      </w:r>
      <w:r w:rsidR="00655F45">
        <w:fldChar w:fldCharType="separate"/>
      </w:r>
      <w:r>
        <w:fldChar w:fldCharType="end"/>
      </w:r>
      <w:r w:rsidR="002B23E5">
        <w:tab/>
      </w:r>
      <w:r w:rsidRPr="00D92834">
        <w:t>One of the following determinations shall be made for each listed or proposed species:</w:t>
      </w:r>
    </w:p>
    <w:p w14:paraId="6AB0A4A9" w14:textId="77777777" w:rsidR="00D92834" w:rsidRDefault="00D92834" w:rsidP="002B23E5">
      <w:pPr>
        <w:pStyle w:val="Normalbullettext"/>
      </w:pPr>
      <w:r>
        <w:t>No effect (No effect determinations do not require consultation and NMFS is not obligated to concur with no effect determinations).</w:t>
      </w:r>
    </w:p>
    <w:p w14:paraId="15A9CD13" w14:textId="77777777" w:rsidR="00D92834" w:rsidRDefault="00D92834" w:rsidP="002B23E5">
      <w:pPr>
        <w:pStyle w:val="Normalbullettext"/>
      </w:pPr>
      <w:r>
        <w:t>May affect, not likely to adversely affect.</w:t>
      </w:r>
    </w:p>
    <w:p w14:paraId="2E2D1809" w14:textId="77777777" w:rsidR="00D92834" w:rsidRDefault="00D92834" w:rsidP="002B23E5">
      <w:pPr>
        <w:pStyle w:val="Normalbullettext"/>
      </w:pPr>
      <w:r>
        <w:t>May affect, likely to adversely affect.</w:t>
      </w:r>
    </w:p>
    <w:p w14:paraId="12FFEBB6" w14:textId="77777777" w:rsidR="00D92834" w:rsidRDefault="00D92834" w:rsidP="00D92834">
      <w:pPr>
        <w:ind w:left="720" w:hanging="720"/>
        <w:contextualSpacing/>
      </w:pPr>
      <w:r>
        <w:fldChar w:fldCharType="begin">
          <w:ffData>
            <w:name w:val="Check23"/>
            <w:enabled/>
            <w:calcOnExit w:val="0"/>
            <w:checkBox>
              <w:sizeAuto/>
              <w:default w:val="0"/>
            </w:checkBox>
          </w:ffData>
        </w:fldChar>
      </w:r>
      <w:r>
        <w:instrText xml:space="preserve"> FORMCHECKBOX </w:instrText>
      </w:r>
      <w:r w:rsidR="00655F45">
        <w:fldChar w:fldCharType="separate"/>
      </w:r>
      <w:r>
        <w:fldChar w:fldCharType="end"/>
      </w:r>
      <w:r w:rsidR="002B23E5">
        <w:tab/>
      </w:r>
      <w:r>
        <w:t>One of the following determinations shall be made for each listed or proposed species’ critical habitat:</w:t>
      </w:r>
    </w:p>
    <w:p w14:paraId="7F0261CE" w14:textId="77777777" w:rsidR="00D92834" w:rsidRPr="00D92834" w:rsidRDefault="00D92834" w:rsidP="002B23E5">
      <w:pPr>
        <w:pStyle w:val="Normalbullettext"/>
      </w:pPr>
      <w:r w:rsidRPr="00D92834">
        <w:t>No effect.</w:t>
      </w:r>
    </w:p>
    <w:p w14:paraId="196F20FC" w14:textId="77777777" w:rsidR="00D92834" w:rsidRPr="00D92834" w:rsidRDefault="00D92834" w:rsidP="002B23E5">
      <w:pPr>
        <w:pStyle w:val="Normalbullettext"/>
      </w:pPr>
      <w:r w:rsidRPr="00D92834">
        <w:t>May affect, not likely to adversely affect.</w:t>
      </w:r>
    </w:p>
    <w:p w14:paraId="575134D8" w14:textId="77777777" w:rsidR="00D92834" w:rsidRPr="00D92834" w:rsidRDefault="00D92834" w:rsidP="002B23E5">
      <w:pPr>
        <w:pStyle w:val="Normalbullettext"/>
      </w:pPr>
      <w:r w:rsidRPr="00D92834">
        <w:t>May affect, likely to adversely affect.</w:t>
      </w:r>
    </w:p>
    <w:p w14:paraId="61651F61" w14:textId="77777777" w:rsidR="00D92834" w:rsidRDefault="00D92834" w:rsidP="006503FF">
      <w:pPr>
        <w:contextualSpacing/>
      </w:pPr>
      <w:r>
        <w:fldChar w:fldCharType="begin">
          <w:ffData>
            <w:name w:val="Check23"/>
            <w:enabled/>
            <w:calcOnExit w:val="0"/>
            <w:checkBox>
              <w:sizeAuto/>
              <w:default w:val="0"/>
            </w:checkBox>
          </w:ffData>
        </w:fldChar>
      </w:r>
      <w:r>
        <w:instrText xml:space="preserve"> FORMCHECKBOX </w:instrText>
      </w:r>
      <w:r w:rsidR="00655F45">
        <w:fldChar w:fldCharType="separate"/>
      </w:r>
      <w:r>
        <w:fldChar w:fldCharType="end"/>
      </w:r>
      <w:r w:rsidR="002B23E5">
        <w:tab/>
      </w:r>
      <w:r w:rsidRPr="00D92834">
        <w:t>One of the following determinations shall be made for EFH:</w:t>
      </w:r>
    </w:p>
    <w:p w14:paraId="7F71AF11" w14:textId="77777777" w:rsidR="00D92834" w:rsidRDefault="00D92834" w:rsidP="002B23E5">
      <w:pPr>
        <w:pStyle w:val="Normalbullettext"/>
      </w:pPr>
      <w:r w:rsidRPr="00D92834">
        <w:t>No effect.</w:t>
      </w:r>
    </w:p>
    <w:p w14:paraId="47560F6B" w14:textId="77777777" w:rsidR="00D92834" w:rsidRPr="00D92834" w:rsidRDefault="00D92834" w:rsidP="002B23E5">
      <w:pPr>
        <w:pStyle w:val="Normalbullettext"/>
      </w:pPr>
      <w:r w:rsidRPr="00D92834">
        <w:t>May adversely affect.</w:t>
      </w:r>
    </w:p>
    <w:p w14:paraId="4B9A599B" w14:textId="77777777" w:rsidR="00D92834" w:rsidRDefault="00D92834" w:rsidP="002B23E5">
      <w:pPr>
        <w:pStyle w:val="Heading2"/>
      </w:pPr>
      <w:r>
        <w:t>Literature Cited</w:t>
      </w:r>
    </w:p>
    <w:p w14:paraId="7B6C7210" w14:textId="77777777" w:rsidR="00D92834" w:rsidRDefault="00E32A7D" w:rsidP="002B23E5">
      <w:pPr>
        <w:ind w:left="720" w:hanging="720"/>
        <w:contextualSpacing/>
      </w:pPr>
      <w:r>
        <w:fldChar w:fldCharType="begin">
          <w:ffData>
            <w:name w:val="Check26"/>
            <w:enabled/>
            <w:calcOnExit w:val="0"/>
            <w:checkBox>
              <w:sizeAuto/>
              <w:default w:val="0"/>
            </w:checkBox>
          </w:ffData>
        </w:fldChar>
      </w:r>
      <w:bookmarkStart w:id="125" w:name="Check26"/>
      <w:r>
        <w:instrText xml:space="preserve"> FORMCHECKBOX </w:instrText>
      </w:r>
      <w:r w:rsidR="00655F45">
        <w:fldChar w:fldCharType="separate"/>
      </w:r>
      <w:r>
        <w:fldChar w:fldCharType="end"/>
      </w:r>
      <w:bookmarkEnd w:id="125"/>
      <w:r w:rsidR="002B23E5">
        <w:tab/>
      </w:r>
      <w:r w:rsidR="00D92834">
        <w:t>References used to prepare the BA.</w:t>
      </w:r>
    </w:p>
    <w:p w14:paraId="0A60B917" w14:textId="77777777" w:rsidR="007215AA" w:rsidRPr="007215AA" w:rsidRDefault="00E32A7D" w:rsidP="002B23E5">
      <w:pPr>
        <w:ind w:left="720" w:hanging="720"/>
      </w:pPr>
      <w:r>
        <w:fldChar w:fldCharType="begin">
          <w:ffData>
            <w:name w:val="Check25"/>
            <w:enabled/>
            <w:calcOnExit w:val="0"/>
            <w:checkBox>
              <w:sizeAuto/>
              <w:default w:val="0"/>
            </w:checkBox>
          </w:ffData>
        </w:fldChar>
      </w:r>
      <w:bookmarkStart w:id="126" w:name="Check25"/>
      <w:r>
        <w:instrText xml:space="preserve"> FORMCHECKBOX </w:instrText>
      </w:r>
      <w:r w:rsidR="00655F45">
        <w:fldChar w:fldCharType="separate"/>
      </w:r>
      <w:r>
        <w:fldChar w:fldCharType="end"/>
      </w:r>
      <w:bookmarkEnd w:id="126"/>
      <w:r w:rsidR="002B23E5">
        <w:tab/>
      </w:r>
      <w:r w:rsidR="00D92834">
        <w:t>Electronic copies of references compiled and supplied to NMFS.</w:t>
      </w:r>
    </w:p>
    <w:sectPr w:rsidR="007215AA" w:rsidRPr="007215AA">
      <w:footerReference w:type="default" r:id="rId21"/>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F9092F0" w14:textId="77777777" w:rsidR="00E20573" w:rsidRDefault="00E20573" w:rsidP="00455597">
      <w:pPr>
        <w:spacing w:after="0" w:line="240" w:lineRule="auto"/>
      </w:pPr>
      <w:r>
        <w:separator/>
      </w:r>
    </w:p>
  </w:endnote>
  <w:endnote w:type="continuationSeparator" w:id="0">
    <w:p w14:paraId="3C561624" w14:textId="77777777" w:rsidR="00E20573" w:rsidRDefault="00E20573" w:rsidP="0045559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8CCF4A" w14:textId="26F49882" w:rsidR="003E3780" w:rsidRPr="009477BE" w:rsidRDefault="003E3780">
    <w:pPr>
      <w:pStyle w:val="Footer"/>
      <w:rPr>
        <w:sz w:val="20"/>
        <w:szCs w:val="20"/>
      </w:rPr>
    </w:pPr>
    <w:r w:rsidRPr="009477BE">
      <w:rPr>
        <w:sz w:val="20"/>
        <w:szCs w:val="20"/>
      </w:rPr>
      <w:t>NMFS BA Checklist</w:t>
    </w:r>
    <w:r w:rsidRPr="009477BE">
      <w:rPr>
        <w:sz w:val="20"/>
        <w:szCs w:val="20"/>
      </w:rPr>
      <w:ptab w:relativeTo="margin" w:alignment="center" w:leader="none"/>
    </w:r>
    <w:r w:rsidRPr="009477BE">
      <w:rPr>
        <w:sz w:val="20"/>
        <w:szCs w:val="20"/>
      </w:rPr>
      <w:fldChar w:fldCharType="begin"/>
    </w:r>
    <w:r w:rsidRPr="009477BE">
      <w:rPr>
        <w:sz w:val="20"/>
        <w:szCs w:val="20"/>
      </w:rPr>
      <w:instrText xml:space="preserve"> PAGE   \* MERGEFORMAT </w:instrText>
    </w:r>
    <w:r w:rsidRPr="009477BE">
      <w:rPr>
        <w:sz w:val="20"/>
        <w:szCs w:val="20"/>
      </w:rPr>
      <w:fldChar w:fldCharType="separate"/>
    </w:r>
    <w:r w:rsidRPr="009477BE">
      <w:rPr>
        <w:noProof/>
        <w:sz w:val="20"/>
        <w:szCs w:val="20"/>
      </w:rPr>
      <w:t>1</w:t>
    </w:r>
    <w:r w:rsidRPr="009477BE">
      <w:rPr>
        <w:noProof/>
        <w:sz w:val="20"/>
        <w:szCs w:val="20"/>
      </w:rPr>
      <w:fldChar w:fldCharType="end"/>
    </w:r>
    <w:r w:rsidRPr="009477BE">
      <w:rPr>
        <w:sz w:val="20"/>
        <w:szCs w:val="20"/>
      </w:rPr>
      <w:ptab w:relativeTo="margin" w:alignment="right" w:leader="none"/>
    </w:r>
    <w:r w:rsidRPr="009477BE">
      <w:rPr>
        <w:sz w:val="20"/>
        <w:szCs w:val="20"/>
      </w:rPr>
      <w:t>February 2014</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0121D12" w14:textId="77777777" w:rsidR="00E20573" w:rsidRDefault="00E20573" w:rsidP="00455597">
      <w:pPr>
        <w:spacing w:after="0" w:line="240" w:lineRule="auto"/>
      </w:pPr>
      <w:r>
        <w:separator/>
      </w:r>
    </w:p>
  </w:footnote>
  <w:footnote w:type="continuationSeparator" w:id="0">
    <w:p w14:paraId="7E872347" w14:textId="77777777" w:rsidR="00E20573" w:rsidRDefault="00E20573" w:rsidP="0045559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37F0005"/>
    <w:multiLevelType w:val="hybridMultilevel"/>
    <w:tmpl w:val="C2942F20"/>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26FB1FA8"/>
    <w:multiLevelType w:val="hybridMultilevel"/>
    <w:tmpl w:val="3A66A5E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91D7813"/>
    <w:multiLevelType w:val="hybridMultilevel"/>
    <w:tmpl w:val="7C5A26BE"/>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15:restartNumberingAfterBreak="0">
    <w:nsid w:val="2E1F1B11"/>
    <w:multiLevelType w:val="hybridMultilevel"/>
    <w:tmpl w:val="3D902526"/>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14F60CF"/>
    <w:multiLevelType w:val="hybridMultilevel"/>
    <w:tmpl w:val="46D021DA"/>
    <w:lvl w:ilvl="0" w:tplc="04090003">
      <w:start w:val="1"/>
      <w:numFmt w:val="bullet"/>
      <w:lvlText w:val="o"/>
      <w:lvlJc w:val="left"/>
      <w:pPr>
        <w:ind w:left="1080" w:hanging="360"/>
      </w:pPr>
      <w:rPr>
        <w:rFonts w:ascii="Courier New" w:hAnsi="Courier New" w:cs="Courier New" w:hint="default"/>
      </w:rPr>
    </w:lvl>
    <w:lvl w:ilvl="1" w:tplc="032603C0">
      <w:numFmt w:val="bullet"/>
      <w:lvlText w:val=""/>
      <w:lvlJc w:val="left"/>
      <w:pPr>
        <w:ind w:left="1800" w:hanging="360"/>
      </w:pPr>
      <w:rPr>
        <w:rFonts w:ascii="Symbol" w:eastAsiaTheme="minorHAnsi" w:hAnsi="Symbol" w:cs="Arial"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 w15:restartNumberingAfterBreak="0">
    <w:nsid w:val="46142828"/>
    <w:multiLevelType w:val="hybridMultilevel"/>
    <w:tmpl w:val="6B288078"/>
    <w:lvl w:ilvl="0" w:tplc="DF241AD2">
      <w:start w:val="1"/>
      <w:numFmt w:val="upperRoman"/>
      <w:pStyle w:val="Heading2"/>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808183F"/>
    <w:multiLevelType w:val="hybridMultilevel"/>
    <w:tmpl w:val="605867F2"/>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15:restartNumberingAfterBreak="0">
    <w:nsid w:val="519A4F29"/>
    <w:multiLevelType w:val="hybridMultilevel"/>
    <w:tmpl w:val="2BC8E6FC"/>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2FA1064"/>
    <w:multiLevelType w:val="hybridMultilevel"/>
    <w:tmpl w:val="F8882CC4"/>
    <w:lvl w:ilvl="0" w:tplc="04090003">
      <w:start w:val="1"/>
      <w:numFmt w:val="bullet"/>
      <w:lvlText w:val="o"/>
      <w:lvlJc w:val="left"/>
      <w:pPr>
        <w:ind w:left="720" w:hanging="360"/>
      </w:pPr>
      <w:rPr>
        <w:rFonts w:ascii="Courier New" w:hAnsi="Courier New" w:cs="Courier New" w:hint="default"/>
      </w:rPr>
    </w:lvl>
    <w:lvl w:ilvl="1" w:tplc="04090003">
      <w:start w:val="1"/>
      <w:numFmt w:val="bullet"/>
      <w:lvlText w:val="o"/>
      <w:lvlJc w:val="left"/>
      <w:pPr>
        <w:ind w:left="1440" w:hanging="360"/>
      </w:pPr>
      <w:rPr>
        <w:rFonts w:ascii="Courier New" w:hAnsi="Courier New" w:cs="Courier New" w:hint="default"/>
      </w:rPr>
    </w:lvl>
    <w:lvl w:ilvl="2" w:tplc="D188CA5E">
      <w:numFmt w:val="bullet"/>
      <w:lvlText w:val=""/>
      <w:lvlJc w:val="left"/>
      <w:pPr>
        <w:ind w:left="2520" w:hanging="720"/>
      </w:pPr>
      <w:rPr>
        <w:rFonts w:ascii="Symbol" w:eastAsiaTheme="minorHAnsi" w:hAnsi="Symbol" w:cs="Arial"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5E6183E"/>
    <w:multiLevelType w:val="hybridMultilevel"/>
    <w:tmpl w:val="7BE8F99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15:restartNumberingAfterBreak="0">
    <w:nsid w:val="5DC75902"/>
    <w:multiLevelType w:val="hybridMultilevel"/>
    <w:tmpl w:val="BA3C329C"/>
    <w:lvl w:ilvl="0" w:tplc="BC823D7A">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0D16B76"/>
    <w:multiLevelType w:val="hybridMultilevel"/>
    <w:tmpl w:val="10B0987E"/>
    <w:lvl w:ilvl="0" w:tplc="04090003">
      <w:start w:val="1"/>
      <w:numFmt w:val="bullet"/>
      <w:lvlText w:val="o"/>
      <w:lvlJc w:val="left"/>
      <w:pPr>
        <w:ind w:left="720" w:hanging="360"/>
      </w:pPr>
      <w:rPr>
        <w:rFonts w:ascii="Courier New" w:hAnsi="Courier New" w:cs="Courier New" w:hint="default"/>
      </w:rPr>
    </w:lvl>
    <w:lvl w:ilvl="1" w:tplc="A6FEDB5A">
      <w:numFmt w:val="bullet"/>
      <w:lvlText w:val=""/>
      <w:lvlJc w:val="left"/>
      <w:pPr>
        <w:ind w:left="1440" w:hanging="360"/>
      </w:pPr>
      <w:rPr>
        <w:rFonts w:ascii="Symbol" w:eastAsiaTheme="minorHAnsi" w:hAnsi="Symbol" w:cs="Aria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1E8491C"/>
    <w:multiLevelType w:val="hybridMultilevel"/>
    <w:tmpl w:val="206EA65E"/>
    <w:lvl w:ilvl="0" w:tplc="E5FEEFB2">
      <w:start w:val="1"/>
      <w:numFmt w:val="bullet"/>
      <w:pStyle w:val="Normalbullettex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15:restartNumberingAfterBreak="0">
    <w:nsid w:val="64A023CB"/>
    <w:multiLevelType w:val="hybridMultilevel"/>
    <w:tmpl w:val="C840C9F0"/>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4" w15:restartNumberingAfterBreak="0">
    <w:nsid w:val="64AA2D22"/>
    <w:multiLevelType w:val="hybridMultilevel"/>
    <w:tmpl w:val="55D08DF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954242834">
    <w:abstractNumId w:val="9"/>
  </w:num>
  <w:num w:numId="2" w16cid:durableId="1781148638">
    <w:abstractNumId w:val="6"/>
  </w:num>
  <w:num w:numId="3" w16cid:durableId="47266412">
    <w:abstractNumId w:val="13"/>
  </w:num>
  <w:num w:numId="4" w16cid:durableId="1308128557">
    <w:abstractNumId w:val="4"/>
  </w:num>
  <w:num w:numId="5" w16cid:durableId="2016691464">
    <w:abstractNumId w:val="5"/>
  </w:num>
  <w:num w:numId="6" w16cid:durableId="180780540">
    <w:abstractNumId w:val="5"/>
  </w:num>
  <w:num w:numId="7" w16cid:durableId="1276670739">
    <w:abstractNumId w:val="5"/>
  </w:num>
  <w:num w:numId="8" w16cid:durableId="1381637939">
    <w:abstractNumId w:val="3"/>
  </w:num>
  <w:num w:numId="9" w16cid:durableId="810489220">
    <w:abstractNumId w:val="5"/>
  </w:num>
  <w:num w:numId="10" w16cid:durableId="599411143">
    <w:abstractNumId w:val="5"/>
  </w:num>
  <w:num w:numId="11" w16cid:durableId="1387148442">
    <w:abstractNumId w:val="5"/>
  </w:num>
  <w:num w:numId="12" w16cid:durableId="375393517">
    <w:abstractNumId w:val="5"/>
  </w:num>
  <w:num w:numId="13" w16cid:durableId="1202940">
    <w:abstractNumId w:val="5"/>
  </w:num>
  <w:num w:numId="14" w16cid:durableId="1067151379">
    <w:abstractNumId w:val="11"/>
  </w:num>
  <w:num w:numId="15" w16cid:durableId="1924215288">
    <w:abstractNumId w:val="5"/>
  </w:num>
  <w:num w:numId="16" w16cid:durableId="1189222403">
    <w:abstractNumId w:val="5"/>
  </w:num>
  <w:num w:numId="17" w16cid:durableId="577786472">
    <w:abstractNumId w:val="5"/>
  </w:num>
  <w:num w:numId="18" w16cid:durableId="1917591957">
    <w:abstractNumId w:val="8"/>
  </w:num>
  <w:num w:numId="19" w16cid:durableId="1648124136">
    <w:abstractNumId w:val="10"/>
  </w:num>
  <w:num w:numId="20" w16cid:durableId="449477102">
    <w:abstractNumId w:val="2"/>
  </w:num>
  <w:num w:numId="21" w16cid:durableId="1557160691">
    <w:abstractNumId w:val="1"/>
  </w:num>
  <w:num w:numId="22" w16cid:durableId="830482700">
    <w:abstractNumId w:val="7"/>
  </w:num>
  <w:num w:numId="23" w16cid:durableId="1912697172">
    <w:abstractNumId w:val="12"/>
  </w:num>
  <w:num w:numId="24" w16cid:durableId="166486385">
    <w:abstractNumId w:val="0"/>
  </w:num>
  <w:num w:numId="25" w16cid:durableId="638455254">
    <w:abstractNumId w:val="14"/>
  </w:num>
  <w:num w:numId="26" w16cid:durableId="836380688">
    <w:abstractNumId w:val="12"/>
  </w:num>
  <w:num w:numId="27" w16cid:durableId="1994868706">
    <w:abstractNumId w:val="12"/>
  </w:num>
  <w:num w:numId="28" w16cid:durableId="193443315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36A1A"/>
    <w:rsid w:val="00012EF0"/>
    <w:rsid w:val="000376F2"/>
    <w:rsid w:val="001950A0"/>
    <w:rsid w:val="001C3E84"/>
    <w:rsid w:val="00263C15"/>
    <w:rsid w:val="002B23E5"/>
    <w:rsid w:val="00336A1A"/>
    <w:rsid w:val="003E3780"/>
    <w:rsid w:val="00455597"/>
    <w:rsid w:val="004855A3"/>
    <w:rsid w:val="004F6F6D"/>
    <w:rsid w:val="005138DF"/>
    <w:rsid w:val="00566C3B"/>
    <w:rsid w:val="0058668D"/>
    <w:rsid w:val="00605D00"/>
    <w:rsid w:val="006503FF"/>
    <w:rsid w:val="00655F45"/>
    <w:rsid w:val="006A212D"/>
    <w:rsid w:val="006C7692"/>
    <w:rsid w:val="006F08E3"/>
    <w:rsid w:val="007215AA"/>
    <w:rsid w:val="007A7D67"/>
    <w:rsid w:val="0080453E"/>
    <w:rsid w:val="00804D74"/>
    <w:rsid w:val="00850767"/>
    <w:rsid w:val="00884CEA"/>
    <w:rsid w:val="008E1E43"/>
    <w:rsid w:val="009477BE"/>
    <w:rsid w:val="009B1D61"/>
    <w:rsid w:val="00AD0042"/>
    <w:rsid w:val="00B44E5B"/>
    <w:rsid w:val="00B958B7"/>
    <w:rsid w:val="00C14425"/>
    <w:rsid w:val="00C7010F"/>
    <w:rsid w:val="00C77FBA"/>
    <w:rsid w:val="00C91C30"/>
    <w:rsid w:val="00CC6CB6"/>
    <w:rsid w:val="00D123E7"/>
    <w:rsid w:val="00D339E7"/>
    <w:rsid w:val="00D52ACF"/>
    <w:rsid w:val="00D92834"/>
    <w:rsid w:val="00DA59E5"/>
    <w:rsid w:val="00E1269A"/>
    <w:rsid w:val="00E20573"/>
    <w:rsid w:val="00E32A7D"/>
    <w:rsid w:val="00E460BF"/>
    <w:rsid w:val="00E83411"/>
    <w:rsid w:val="00F27CA5"/>
    <w:rsid w:val="00F30BC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B80CE3"/>
  <w15:chartTrackingRefBased/>
  <w15:docId w15:val="{BB22EE9A-6618-4D5C-98FB-C9B0543C9A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F6F6D"/>
    <w:rPr>
      <w:rFonts w:ascii="Arial" w:hAnsi="Arial" w:cs="Arial"/>
      <w:sz w:val="24"/>
      <w:szCs w:val="24"/>
    </w:rPr>
  </w:style>
  <w:style w:type="paragraph" w:styleId="Heading1">
    <w:name w:val="heading 1"/>
    <w:basedOn w:val="Normal"/>
    <w:next w:val="Normal"/>
    <w:link w:val="Heading1Char"/>
    <w:uiPriority w:val="9"/>
    <w:qFormat/>
    <w:rsid w:val="00884CEA"/>
    <w:pPr>
      <w:spacing w:before="240" w:after="240"/>
      <w:outlineLvl w:val="0"/>
    </w:pPr>
    <w:rPr>
      <w:b/>
    </w:rPr>
  </w:style>
  <w:style w:type="paragraph" w:styleId="Heading2">
    <w:name w:val="heading 2"/>
    <w:basedOn w:val="ListParagraph"/>
    <w:next w:val="Normal"/>
    <w:link w:val="Heading2Char"/>
    <w:uiPriority w:val="9"/>
    <w:unhideWhenUsed/>
    <w:qFormat/>
    <w:rsid w:val="002B23E5"/>
    <w:pPr>
      <w:numPr>
        <w:numId w:val="5"/>
      </w:numPr>
      <w:ind w:left="720"/>
      <w:outlineLvl w:val="1"/>
    </w:pPr>
    <w:rPr>
      <w:b/>
    </w:rPr>
  </w:style>
  <w:style w:type="paragraph" w:styleId="Heading3">
    <w:name w:val="heading 3"/>
    <w:basedOn w:val="Normal"/>
    <w:next w:val="Normal"/>
    <w:link w:val="Heading3Char"/>
    <w:uiPriority w:val="9"/>
    <w:unhideWhenUsed/>
    <w:qFormat/>
    <w:rsid w:val="001950A0"/>
    <w:pPr>
      <w:keepNext/>
      <w:spacing w:before="240" w:after="240"/>
      <w:outlineLvl w:val="2"/>
    </w:pPr>
    <w:rPr>
      <w:b/>
      <w:i/>
      <w:iCs/>
    </w:rPr>
  </w:style>
  <w:style w:type="paragraph" w:styleId="Heading4">
    <w:name w:val="heading 4"/>
    <w:basedOn w:val="Normal"/>
    <w:next w:val="Normal"/>
    <w:link w:val="Heading4Char"/>
    <w:uiPriority w:val="9"/>
    <w:unhideWhenUsed/>
    <w:qFormat/>
    <w:rsid w:val="000376F2"/>
    <w:pPr>
      <w:spacing w:before="240" w:after="240"/>
      <w:outlineLvl w:val="3"/>
    </w:pPr>
    <w:rPr>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84CEA"/>
    <w:rPr>
      <w:rFonts w:ascii="Arial" w:hAnsi="Arial" w:cs="Arial"/>
      <w:b/>
      <w:sz w:val="24"/>
      <w:szCs w:val="24"/>
    </w:rPr>
  </w:style>
  <w:style w:type="character" w:styleId="PlaceholderText">
    <w:name w:val="Placeholder Text"/>
    <w:basedOn w:val="DefaultParagraphFont"/>
    <w:uiPriority w:val="99"/>
    <w:semiHidden/>
    <w:rsid w:val="00336A1A"/>
    <w:rPr>
      <w:color w:val="808080"/>
    </w:rPr>
  </w:style>
  <w:style w:type="paragraph" w:styleId="ListParagraph">
    <w:name w:val="List Paragraph"/>
    <w:basedOn w:val="Normal"/>
    <w:link w:val="ListParagraphChar"/>
    <w:uiPriority w:val="34"/>
    <w:qFormat/>
    <w:rsid w:val="00336A1A"/>
    <w:pPr>
      <w:ind w:left="720"/>
      <w:contextualSpacing/>
    </w:pPr>
  </w:style>
  <w:style w:type="character" w:styleId="Hyperlink">
    <w:name w:val="Hyperlink"/>
    <w:basedOn w:val="DefaultParagraphFont"/>
    <w:uiPriority w:val="99"/>
    <w:unhideWhenUsed/>
    <w:rsid w:val="004F6F6D"/>
    <w:rPr>
      <w:color w:val="0563C1" w:themeColor="hyperlink"/>
      <w:u w:val="single"/>
    </w:rPr>
  </w:style>
  <w:style w:type="character" w:styleId="UnresolvedMention">
    <w:name w:val="Unresolved Mention"/>
    <w:basedOn w:val="DefaultParagraphFont"/>
    <w:uiPriority w:val="99"/>
    <w:semiHidden/>
    <w:unhideWhenUsed/>
    <w:rsid w:val="004F6F6D"/>
    <w:rPr>
      <w:color w:val="605E5C"/>
      <w:shd w:val="clear" w:color="auto" w:fill="E1DFDD"/>
    </w:rPr>
  </w:style>
  <w:style w:type="character" w:styleId="FollowedHyperlink">
    <w:name w:val="FollowedHyperlink"/>
    <w:basedOn w:val="DefaultParagraphFont"/>
    <w:uiPriority w:val="99"/>
    <w:semiHidden/>
    <w:unhideWhenUsed/>
    <w:rsid w:val="004F6F6D"/>
    <w:rPr>
      <w:color w:val="954F72" w:themeColor="followedHyperlink"/>
      <w:u w:val="single"/>
    </w:rPr>
  </w:style>
  <w:style w:type="character" w:customStyle="1" w:styleId="Heading2Char">
    <w:name w:val="Heading 2 Char"/>
    <w:basedOn w:val="DefaultParagraphFont"/>
    <w:link w:val="Heading2"/>
    <w:uiPriority w:val="9"/>
    <w:rsid w:val="002B23E5"/>
    <w:rPr>
      <w:rFonts w:ascii="Arial" w:hAnsi="Arial" w:cs="Arial"/>
      <w:b/>
      <w:sz w:val="24"/>
      <w:szCs w:val="24"/>
    </w:rPr>
  </w:style>
  <w:style w:type="character" w:customStyle="1" w:styleId="Heading3Char">
    <w:name w:val="Heading 3 Char"/>
    <w:basedOn w:val="DefaultParagraphFont"/>
    <w:link w:val="Heading3"/>
    <w:uiPriority w:val="9"/>
    <w:rsid w:val="001950A0"/>
    <w:rPr>
      <w:rFonts w:ascii="Arial" w:hAnsi="Arial" w:cs="Arial"/>
      <w:b/>
      <w:i/>
      <w:iCs/>
      <w:sz w:val="24"/>
      <w:szCs w:val="24"/>
    </w:rPr>
  </w:style>
  <w:style w:type="character" w:customStyle="1" w:styleId="Heading4Char">
    <w:name w:val="Heading 4 Char"/>
    <w:basedOn w:val="DefaultParagraphFont"/>
    <w:link w:val="Heading4"/>
    <w:uiPriority w:val="9"/>
    <w:rsid w:val="000376F2"/>
    <w:rPr>
      <w:rFonts w:ascii="Arial" w:hAnsi="Arial" w:cs="Arial"/>
      <w:sz w:val="24"/>
      <w:szCs w:val="24"/>
      <w:u w:val="single"/>
    </w:rPr>
  </w:style>
  <w:style w:type="paragraph" w:customStyle="1" w:styleId="ChecklistBullet1">
    <w:name w:val="Checklist Bullet 1"/>
    <w:basedOn w:val="Normal"/>
    <w:link w:val="ChecklistBullet1Char"/>
    <w:rsid w:val="00455597"/>
    <w:pPr>
      <w:tabs>
        <w:tab w:val="left" w:pos="360"/>
        <w:tab w:val="left" w:pos="540"/>
      </w:tabs>
    </w:pPr>
  </w:style>
  <w:style w:type="paragraph" w:styleId="Header">
    <w:name w:val="header"/>
    <w:basedOn w:val="Normal"/>
    <w:link w:val="HeaderChar"/>
    <w:uiPriority w:val="99"/>
    <w:unhideWhenUsed/>
    <w:rsid w:val="00455597"/>
    <w:pPr>
      <w:tabs>
        <w:tab w:val="center" w:pos="4680"/>
        <w:tab w:val="right" w:pos="9360"/>
      </w:tabs>
      <w:spacing w:after="0" w:line="240" w:lineRule="auto"/>
    </w:pPr>
  </w:style>
  <w:style w:type="character" w:customStyle="1" w:styleId="ChecklistBullet1Char">
    <w:name w:val="Checklist Bullet 1 Char"/>
    <w:basedOn w:val="DefaultParagraphFont"/>
    <w:link w:val="ChecklistBullet1"/>
    <w:rsid w:val="00455597"/>
    <w:rPr>
      <w:rFonts w:ascii="Arial" w:hAnsi="Arial" w:cs="Arial"/>
      <w:sz w:val="24"/>
      <w:szCs w:val="24"/>
    </w:rPr>
  </w:style>
  <w:style w:type="character" w:customStyle="1" w:styleId="HeaderChar">
    <w:name w:val="Header Char"/>
    <w:basedOn w:val="DefaultParagraphFont"/>
    <w:link w:val="Header"/>
    <w:uiPriority w:val="99"/>
    <w:rsid w:val="00455597"/>
    <w:rPr>
      <w:rFonts w:ascii="Arial" w:hAnsi="Arial" w:cs="Arial"/>
      <w:sz w:val="24"/>
      <w:szCs w:val="24"/>
    </w:rPr>
  </w:style>
  <w:style w:type="paragraph" w:styleId="Footer">
    <w:name w:val="footer"/>
    <w:basedOn w:val="Normal"/>
    <w:link w:val="FooterChar"/>
    <w:uiPriority w:val="99"/>
    <w:unhideWhenUsed/>
    <w:rsid w:val="00455597"/>
    <w:pPr>
      <w:tabs>
        <w:tab w:val="center" w:pos="4680"/>
        <w:tab w:val="right" w:pos="9360"/>
      </w:tabs>
      <w:spacing w:after="0" w:line="240" w:lineRule="auto"/>
    </w:pPr>
  </w:style>
  <w:style w:type="character" w:customStyle="1" w:styleId="FooterChar">
    <w:name w:val="Footer Char"/>
    <w:basedOn w:val="DefaultParagraphFont"/>
    <w:link w:val="Footer"/>
    <w:uiPriority w:val="99"/>
    <w:rsid w:val="00455597"/>
    <w:rPr>
      <w:rFonts w:ascii="Arial" w:hAnsi="Arial" w:cs="Arial"/>
      <w:sz w:val="24"/>
      <w:szCs w:val="24"/>
    </w:rPr>
  </w:style>
  <w:style w:type="paragraph" w:customStyle="1" w:styleId="Normalbullettext">
    <w:name w:val="Normal bullet text"/>
    <w:basedOn w:val="ListParagraph"/>
    <w:link w:val="NormalbullettextChar"/>
    <w:qFormat/>
    <w:rsid w:val="002B23E5"/>
    <w:pPr>
      <w:numPr>
        <w:numId w:val="23"/>
      </w:numPr>
    </w:pPr>
  </w:style>
  <w:style w:type="paragraph" w:styleId="BalloonText">
    <w:name w:val="Balloon Text"/>
    <w:basedOn w:val="Normal"/>
    <w:link w:val="BalloonTextChar"/>
    <w:uiPriority w:val="99"/>
    <w:semiHidden/>
    <w:unhideWhenUsed/>
    <w:rsid w:val="006503FF"/>
    <w:pPr>
      <w:spacing w:after="0" w:line="240" w:lineRule="auto"/>
    </w:pPr>
    <w:rPr>
      <w:rFonts w:ascii="Segoe UI" w:hAnsi="Segoe UI" w:cs="Segoe UI"/>
      <w:sz w:val="18"/>
      <w:szCs w:val="18"/>
    </w:rPr>
  </w:style>
  <w:style w:type="character" w:customStyle="1" w:styleId="ListParagraphChar">
    <w:name w:val="List Paragraph Char"/>
    <w:basedOn w:val="DefaultParagraphFont"/>
    <w:link w:val="ListParagraph"/>
    <w:uiPriority w:val="34"/>
    <w:rsid w:val="006F08E3"/>
    <w:rPr>
      <w:rFonts w:ascii="Arial" w:hAnsi="Arial" w:cs="Arial"/>
      <w:sz w:val="24"/>
      <w:szCs w:val="24"/>
    </w:rPr>
  </w:style>
  <w:style w:type="character" w:customStyle="1" w:styleId="NormalbullettextChar">
    <w:name w:val="Normal bullet text Char"/>
    <w:basedOn w:val="ListParagraphChar"/>
    <w:link w:val="Normalbullettext"/>
    <w:rsid w:val="002B23E5"/>
    <w:rPr>
      <w:rFonts w:ascii="Arial" w:hAnsi="Arial" w:cs="Arial"/>
      <w:sz w:val="24"/>
      <w:szCs w:val="24"/>
    </w:rPr>
  </w:style>
  <w:style w:type="character" w:customStyle="1" w:styleId="BalloonTextChar">
    <w:name w:val="Balloon Text Char"/>
    <w:basedOn w:val="DefaultParagraphFont"/>
    <w:link w:val="BalloonText"/>
    <w:uiPriority w:val="99"/>
    <w:semiHidden/>
    <w:rsid w:val="006503FF"/>
    <w:rPr>
      <w:rFonts w:ascii="Segoe UI" w:hAnsi="Segoe UI" w:cs="Segoe UI"/>
      <w:sz w:val="18"/>
      <w:szCs w:val="18"/>
    </w:rPr>
  </w:style>
  <w:style w:type="character" w:styleId="CommentReference">
    <w:name w:val="annotation reference"/>
    <w:basedOn w:val="DefaultParagraphFont"/>
    <w:uiPriority w:val="99"/>
    <w:semiHidden/>
    <w:unhideWhenUsed/>
    <w:rsid w:val="00F30BC3"/>
    <w:rPr>
      <w:sz w:val="16"/>
      <w:szCs w:val="16"/>
    </w:rPr>
  </w:style>
  <w:style w:type="paragraph" w:styleId="CommentText">
    <w:name w:val="annotation text"/>
    <w:basedOn w:val="Normal"/>
    <w:link w:val="CommentTextChar"/>
    <w:uiPriority w:val="99"/>
    <w:semiHidden/>
    <w:unhideWhenUsed/>
    <w:rsid w:val="00F30BC3"/>
    <w:pPr>
      <w:spacing w:line="240" w:lineRule="auto"/>
    </w:pPr>
    <w:rPr>
      <w:sz w:val="20"/>
      <w:szCs w:val="20"/>
    </w:rPr>
  </w:style>
  <w:style w:type="character" w:customStyle="1" w:styleId="CommentTextChar">
    <w:name w:val="Comment Text Char"/>
    <w:basedOn w:val="DefaultParagraphFont"/>
    <w:link w:val="CommentText"/>
    <w:uiPriority w:val="99"/>
    <w:semiHidden/>
    <w:rsid w:val="00F30BC3"/>
    <w:rPr>
      <w:rFonts w:ascii="Arial" w:hAnsi="Arial" w:cs="Arial"/>
      <w:sz w:val="20"/>
      <w:szCs w:val="20"/>
    </w:rPr>
  </w:style>
  <w:style w:type="paragraph" w:styleId="CommentSubject">
    <w:name w:val="annotation subject"/>
    <w:basedOn w:val="CommentText"/>
    <w:next w:val="CommentText"/>
    <w:link w:val="CommentSubjectChar"/>
    <w:uiPriority w:val="99"/>
    <w:semiHidden/>
    <w:unhideWhenUsed/>
    <w:rsid w:val="00F30BC3"/>
    <w:rPr>
      <w:b/>
      <w:bCs/>
    </w:rPr>
  </w:style>
  <w:style w:type="character" w:customStyle="1" w:styleId="CommentSubjectChar">
    <w:name w:val="Comment Subject Char"/>
    <w:basedOn w:val="CommentTextChar"/>
    <w:link w:val="CommentSubject"/>
    <w:uiPriority w:val="99"/>
    <w:semiHidden/>
    <w:rsid w:val="00F30BC3"/>
    <w:rPr>
      <w:rFonts w:ascii="Arial" w:hAnsi="Arial" w:cs="Arial"/>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yperlink" Target="file://C:\Users\s130885\Downloads\An%20Assessment%20Framework%20for%20Conducting%20Jeopardy%20Analyses%20under%20Section%207%20of%20the%20Endangered%20Species%20Act.%20%20A%20Background%20Paper.%20%20Modified%20June%206,%202004.%20%20This%20publication%20can%20be%20found%20at%20the%20following%20link:%20https:\training.fws.gov\courses\csp\csp3116\resources\Study_Guides\07_framework_overview.pdf" TargetMode="External"/><Relationship Id="rId18" Type="http://schemas.openxmlformats.org/officeDocument/2006/relationships/hyperlink" Target="https://23789655-514a-4d18-b49f-97d3d71f6b5f.filesusr.com/ugd/0e48c2_c195dbb2693d464da75790ced43b1fa3.pdf" TargetMode="External"/><Relationship Id="rId3" Type="http://schemas.openxmlformats.org/officeDocument/2006/relationships/settings" Target="settings.xml"/><Relationship Id="rId21" Type="http://schemas.openxmlformats.org/officeDocument/2006/relationships/footer" Target="footer1.xml"/><Relationship Id="rId7" Type="http://schemas.openxmlformats.org/officeDocument/2006/relationships/image" Target="media/image1.jpeg"/><Relationship Id="rId12" Type="http://schemas.openxmlformats.org/officeDocument/2006/relationships/hyperlink" Target="http://www.fws.gov/endangered/esa-library/pdf/esa_section7_handbook.pdf" TargetMode="External"/><Relationship Id="rId17" Type="http://schemas.openxmlformats.org/officeDocument/2006/relationships/hyperlink" Target="https://dot.ca.gov/-/media/dot-media/programs/environmental-analysis/documents/env/bio-tech-guidance-hydroacoustic-effects-110215-a11y.pdf" TargetMode="External"/><Relationship Id="rId2" Type="http://schemas.openxmlformats.org/officeDocument/2006/relationships/styles" Target="styles.xml"/><Relationship Id="rId16" Type="http://schemas.openxmlformats.org/officeDocument/2006/relationships/hyperlink" Target="https://dot.ca.gov/-/media/dot-media/programs/environmental-analysis/documents/ser/bio-fhwg-criteria-agree-a11y.pdf" TargetMode="External"/><Relationship Id="rId20" Type="http://schemas.openxmlformats.org/officeDocument/2006/relationships/hyperlink" Target="http://www.fws.gov/endangered/esa-library/pdf/esa_section7_handbook.pdf"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svctenvims.dot.ca.gov/bio_link/" TargetMode="External"/><Relationship Id="rId5" Type="http://schemas.openxmlformats.org/officeDocument/2006/relationships/footnotes" Target="footnotes.xml"/><Relationship Id="rId15" Type="http://schemas.openxmlformats.org/officeDocument/2006/relationships/hyperlink" Target="file://C:\Users\s117003\Desktop\SER_Working%20Folder\An%20Assessment%20Framework%20for%20Conducting%20Jeopardy%20Analyses%20under%20Section%207%20of%20the%20Endangered%20Species%20Act.%20%20A%20Background%20Paper.%20%20Modified%20June%206,%202004.%20%20This%20publication%20can%20be%20found%20at%20the%20following%20link:%20https:\training.fws.gov\courses\csp\csp3116\resources\Study_Guides\07_framework_overview.pdf" TargetMode="External"/><Relationship Id="rId23" Type="http://schemas.openxmlformats.org/officeDocument/2006/relationships/theme" Target="theme/theme1.xml"/><Relationship Id="rId10" Type="http://schemas.openxmlformats.org/officeDocument/2006/relationships/hyperlink" Target="https://dot.ca.gov/programs/environmental-analysis/standard-environmental-reference-ser/forms-templates" TargetMode="External"/><Relationship Id="rId19" Type="http://schemas.openxmlformats.org/officeDocument/2006/relationships/hyperlink" Target="https://www.google.com/url?sa=t&amp;rct=j&amp;q=&amp;esrc=s&amp;source=web&amp;cd=&amp;ved=2ahUKEwicofuHpsHsAhXBFzQIHd4qBWkQFjABegQIBxAC&amp;url=https%3A%2F%2Farchive.fisheries.noaa.gov%2Fwcr%2Fpublications%2Fhydropower%2Fsouthwest_region_1997_fish_screen_design_criteria.pdf&amp;usg=AOvVaw18rqEC7lbSisvlEpOMjUO9" TargetMode="External"/><Relationship Id="rId4" Type="http://schemas.openxmlformats.org/officeDocument/2006/relationships/webSettings" Target="webSettings.xml"/><Relationship Id="rId9" Type="http://schemas.openxmlformats.org/officeDocument/2006/relationships/hyperlink" Target="https://dot.ca.gov/programs/environmental-analysis/caltrans-biology/biological-studies/hydroacoustics" TargetMode="External"/><Relationship Id="rId14" Type="http://schemas.openxmlformats.org/officeDocument/2006/relationships/hyperlink" Target="https://repository.library.noaa.gov/view/noaa/4187" TargetMode="Externa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1</Pages>
  <Words>3984</Words>
  <Characters>22910</Characters>
  <Application>Microsoft Office Word</Application>
  <DocSecurity>0</DocSecurity>
  <Lines>341</Lines>
  <Paragraphs>34</Paragraphs>
  <ScaleCrop>false</ScaleCrop>
  <HeadingPairs>
    <vt:vector size="2" baseType="variant">
      <vt:variant>
        <vt:lpstr>Title</vt:lpstr>
      </vt:variant>
      <vt:variant>
        <vt:i4>1</vt:i4>
      </vt:variant>
    </vt:vector>
  </HeadingPairs>
  <TitlesOfParts>
    <vt:vector size="1" baseType="lpstr">
      <vt:lpstr>NMFS Biological Assessment Checklist</vt:lpstr>
    </vt:vector>
  </TitlesOfParts>
  <Company>Caltrans DEA-Office of Biological Studies</Company>
  <LinksUpToDate>false</LinksUpToDate>
  <CharactersWithSpaces>268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MFS Biological Assessment Checklist</dc:title>
  <dc:subject>This is a checklist to assist with the preparation of Biological Assessments, to be submitted to NMFS/NOAA Fisheries.</dc:subject>
  <dc:creator>Osmondson, Jennifer A@DOT</dc:creator>
  <cp:keywords>NMFS Biological Assessment</cp:keywords>
  <dc:description>February 2014 version, with minor updates in October 2020.</dc:description>
  <cp:lastModifiedBy>Reynolds, Coady@DOT</cp:lastModifiedBy>
  <cp:revision>2</cp:revision>
  <dcterms:created xsi:type="dcterms:W3CDTF">2024-02-21T22:05:00Z</dcterms:created>
  <dcterms:modified xsi:type="dcterms:W3CDTF">2024-02-21T22:05:00Z</dcterms:modified>
</cp:coreProperties>
</file>